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4"/>
  </p:notesMasterIdLst>
  <p:sldIdLst>
    <p:sldId id="268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660"/>
  </p:normalViewPr>
  <p:slideViewPr>
    <p:cSldViewPr snapToGrid="0">
      <p:cViewPr varScale="1">
        <p:scale>
          <a:sx n="105" d="100"/>
          <a:sy n="105" d="100"/>
        </p:scale>
        <p:origin x="83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134EFFC-01D0-466B-89B4-873B48FE498A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FE9E1C7-4567-4EDD-B873-CC3B6855BAD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045687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9842C32-1D04-433D-9B29-8F2A59D48772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641741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780FF1-C63E-E5ED-194B-B3BC931616C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F030EFE-9F24-18C2-1DC7-EF637292D75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CEC9B47-96FE-73F5-B368-3A8794A1D7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DA779E-3811-BE34-AD4B-6CDCED7898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428996E-5A62-14A1-B3A8-ECF4769461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078728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AA37A6-919F-427D-F7A2-895BE38385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26EB585-6371-A1DF-BDD8-533E17D918E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86A36DF-E991-2B7A-F46D-8EA67B7F92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FB6CB8-91D4-FB9F-E1CF-BA90907F31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67C248A-4DF2-F3D6-3D7B-ABB46D64DC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493398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81270A9-7EC8-4096-66A8-EAC139CE5DC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9DE551-6FC9-1796-C299-A01AD18AD5B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1D9E16-BAE7-8C21-D79B-C7F502E3E1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D229C4-59EC-B387-05E5-F7779CD165B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055092-89E3-3DE7-F658-A9087DEA61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094789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8F2F9E-ACA8-300F-2D9C-215F96AAF4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61C4610-E8D1-1F2A-FCC6-EFCB8D4A52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D8AC9C-FBA8-C91D-4CD9-A1AE6A7446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FAD8F5-C449-1269-E648-9CECB99832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03465C9-B165-7862-9275-FD730FBA6A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26145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770B74-EBA1-E262-7BC4-B2ACC0C4FB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31F0A8-9CA3-0082-C554-430316A1D62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DA27FE3-29A0-1457-631E-6765E103CF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4A6135B-0FD5-47A7-F990-2F24A05F06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B24C36E-E792-59A1-DF79-E6619E7876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59127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CC6D42-7BFD-BEAF-9AF6-F32B8DC33E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FF4D0D-7A26-E252-81BA-A4A341968A4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0E16FF2-2EBF-F5CB-1873-4175442F495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50CB7F5-9C61-E7AF-1EF5-A9128CA33E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A234E18-8730-F48A-A2AC-348AD7431A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D894F88-CD9C-31B1-0003-8450C5C1DD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679642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BF47CF-B8E2-A31E-7A02-5514510C98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F18BEEE-872F-7D3F-823B-436E2C81127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5CE6899-35BA-9669-4186-D8DE5BBAD21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05BF1D2-A75B-23B0-99AC-2C2B4919E7D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ECB3BFD-965B-A237-B83B-67C83EE983B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F6372FE-208F-E7AB-194A-FFC744D344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E8E9CF5-5EBF-74E3-AEC1-C6A36DE2A2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7AC508-437C-7E72-407B-11298E735A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545733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D9883D-F663-CCAB-F2A2-0AF60A4BCE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96520A4-EE8B-02C7-16B4-BF404B2CA4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7F36071-B33F-423D-E2AD-6190CBE03D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36D1909-4C5D-FBB6-0371-E178D6391D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05638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13A9C69-61F9-402B-5D59-EED3993211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AE1EDA1-E601-04C5-BE0E-95AB4E3BE5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A90BC5-FA8C-23AC-9332-6316D2A870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457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D110C5-7DB7-6CA4-3177-40AB7720E1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F605C3-4471-F962-065E-744178AD1A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748B284-B1F0-6DD9-0F5D-5041590C807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DA3990B-45EA-A78E-9856-8D36ADB2B1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CDF46C7-70CE-C7B6-EFD0-FF647609F2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97E8256-82F5-ABB6-1FD5-889056C6AB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24410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F59972-C24D-A1A7-A632-3E80A1D509A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B962C83-85ED-9507-3122-5DF624FCFC7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7084CA5-56A8-0ED9-BF35-902C9D818A3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4DA0EE8-C263-B160-6A04-73477A43A4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0BE1159-C983-F1DC-8543-2E9EEA67B1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3F5D5B3-482C-0571-BE5F-64CE4FA0CB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450695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7EE3991-E24C-96A1-A4BC-A7A04000B4D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9A8C5D-B996-9680-3957-F36D20D1C14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4FDC16-D494-F6B0-6679-1EDFFFAE16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5E7545D2-8BB6-47BC-BFFF-09B644B595BE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38382-854F-E84A-7AA3-41100A2D747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E717AF-596A-EF8D-12B8-6707AA4BBF0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514785B0-AFCA-4911-9823-D6201D579A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59966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slideLayout" Target="../slideLayouts/slideLayout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notesSlide" Target="../notesSlides/notesSlide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image" Target="../media/image3.png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OTLSHAPE_SL_9ce507ecfc0245399f11c03cd8c50a90_BackgroundRectangle">
            <a:extLst>
              <a:ext uri="{FF2B5EF4-FFF2-40B4-BE49-F238E27FC236}">
                <a16:creationId xmlns:a16="http://schemas.microsoft.com/office/drawing/2014/main" id="{514F10FE-A13A-FE3F-09BB-FABD6B21082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10688"/>
            <a:ext cx="11290300" cy="760603"/>
          </a:xfrm>
          <a:prstGeom prst="rect">
            <a:avLst/>
          </a:prstGeom>
          <a:solidFill>
            <a:srgbClr val="418AB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bfad4826a86748a189ade22cd32c0b6e_BackgroundRectangle">
            <a:extLst>
              <a:ext uri="{FF2B5EF4-FFF2-40B4-BE49-F238E27FC236}">
                <a16:creationId xmlns:a16="http://schemas.microsoft.com/office/drawing/2014/main" id="{E23F3922-183A-5AE0-A6A0-9CF7041DDA2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496691"/>
            <a:ext cx="11290300" cy="1370203"/>
          </a:xfrm>
          <a:prstGeom prst="rect">
            <a:avLst/>
          </a:prstGeom>
          <a:solidFill>
            <a:srgbClr val="A7B824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d93d321adf89484fb12aefb7a52183c5_BackgroundRectangle">
            <a:extLst>
              <a:ext uri="{FF2B5EF4-FFF2-40B4-BE49-F238E27FC236}">
                <a16:creationId xmlns:a16="http://schemas.microsoft.com/office/drawing/2014/main" id="{D6B91A05-FC98-D5AC-31E9-F5C86D7EDA5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892294"/>
            <a:ext cx="11290300" cy="511302"/>
          </a:xfrm>
          <a:prstGeom prst="rect">
            <a:avLst/>
          </a:prstGeom>
          <a:solidFill>
            <a:srgbClr val="F69200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84ba4dfcea7a435083bef79fa96f23f4_BackgroundRectangle">
            <a:extLst>
              <a:ext uri="{FF2B5EF4-FFF2-40B4-BE49-F238E27FC236}">
                <a16:creationId xmlns:a16="http://schemas.microsoft.com/office/drawing/2014/main" id="{9251AD34-1FAC-C7F8-04E3-90B327F7A4D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441696"/>
            <a:ext cx="11290300" cy="1141603"/>
          </a:xfrm>
          <a:prstGeom prst="rect">
            <a:avLst/>
          </a:prstGeom>
          <a:solidFill>
            <a:srgbClr val="1DA383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2A_1fe79171ed1c4d1f90df88e18c2c5453_BackgroundRectangle" hidden="1">
            <a:extLst>
              <a:ext uri="{FF2B5EF4-FFF2-40B4-BE49-F238E27FC236}">
                <a16:creationId xmlns:a16="http://schemas.microsoft.com/office/drawing/2014/main" id="{6A8AA063-9BBD-AADC-7F36-84F483342DD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482527" y="2710688"/>
            <a:ext cx="9867900" cy="76060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SL2A_50d28a22653c4710bbb51a6b7b32413c_BackgroundRectangle" hidden="1">
            <a:extLst>
              <a:ext uri="{FF2B5EF4-FFF2-40B4-BE49-F238E27FC236}">
                <a16:creationId xmlns:a16="http://schemas.microsoft.com/office/drawing/2014/main" id="{58D4E04B-1793-E9A8-BA5C-AF1F064CA27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482527" y="3496691"/>
            <a:ext cx="9867900" cy="137020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SL2A_d45c8cdeab2342aa929a01da26d53ccd_BackgroundRectangle" hidden="1">
            <a:extLst>
              <a:ext uri="{FF2B5EF4-FFF2-40B4-BE49-F238E27FC236}">
                <a16:creationId xmlns:a16="http://schemas.microsoft.com/office/drawing/2014/main" id="{E97ECD6F-B56B-7B23-78FE-762F44A608A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482527" y="4892294"/>
            <a:ext cx="9867900" cy="51130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SL2A_8f67b377deac43f3bc85336a39b58e7e_BackgroundRectangle" hidden="1">
            <a:extLst>
              <a:ext uri="{FF2B5EF4-FFF2-40B4-BE49-F238E27FC236}">
                <a16:creationId xmlns:a16="http://schemas.microsoft.com/office/drawing/2014/main" id="{7E7355AD-9FC0-0F35-2372-F606F6B741A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482527" y="5441696"/>
            <a:ext cx="9867900" cy="114160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1" name="OTLSHAPE_TB_00000000000000000000000000000000_LeftEndCaps" hidden="1">
            <a:extLst>
              <a:ext uri="{FF2B5EF4-FFF2-40B4-BE49-F238E27FC236}">
                <a16:creationId xmlns:a16="http://schemas.microsoft.com/office/drawing/2014/main" id="{BCCCF32E-7F6C-B4A7-3B48-2E23B1381E80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252" name="OTLSHAPE_TB_00000000000000000000000000000000_RightEndCaps" hidden="1">
            <a:extLst>
              <a:ext uri="{FF2B5EF4-FFF2-40B4-BE49-F238E27FC236}">
                <a16:creationId xmlns:a16="http://schemas.microsoft.com/office/drawing/2014/main" id="{FF2817A5-AA34-4CC1-9ADE-3651385C676D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cxnSp>
        <p:nvCxnSpPr>
          <p:cNvPr id="57" name="OTLSHAPE_M_07af9f56b58f4b1583dcb84bbe338cec_Connector1">
            <a:extLst>
              <a:ext uri="{FF2B5EF4-FFF2-40B4-BE49-F238E27FC236}">
                <a16:creationId xmlns:a16="http://schemas.microsoft.com/office/drawing/2014/main" id="{F216C305-24AA-4AC8-2AD6-50EFD299206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249923" y="1607024"/>
            <a:ext cx="0" cy="6861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20328788f7604097a023aeb0d5de53a1_Connector1">
            <a:extLst>
              <a:ext uri="{FF2B5EF4-FFF2-40B4-BE49-F238E27FC236}">
                <a16:creationId xmlns:a16="http://schemas.microsoft.com/office/drawing/2014/main" id="{D93A22E6-6501-84AD-CED0-78499470C2B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095659" y="1612138"/>
            <a:ext cx="0" cy="58750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07af9f56b58f4b1583dcb84bbe338cec_Connector2">
            <a:extLst>
              <a:ext uri="{FF2B5EF4-FFF2-40B4-BE49-F238E27FC236}">
                <a16:creationId xmlns:a16="http://schemas.microsoft.com/office/drawing/2014/main" id="{A2119394-F0EF-9015-A41D-281D26593C5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249923" y="1878330"/>
            <a:ext cx="0" cy="32131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4" name="OTLSHAPE_TB_00000000000000000000000000000000_ScaleContainer">
            <a:extLst>
              <a:ext uri="{FF2B5EF4-FFF2-40B4-BE49-F238E27FC236}">
                <a16:creationId xmlns:a16="http://schemas.microsoft.com/office/drawing/2014/main" id="{B0C4F556-E558-E39E-EBC6-DE30BE813A2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609527" y="2263140"/>
            <a:ext cx="9740900" cy="182880"/>
          </a:xfrm>
          <a:prstGeom prst="round2SameRect">
            <a:avLst/>
          </a:prstGeom>
          <a:solidFill>
            <a:srgbClr val="F6920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9ce507ecfc0245399f11c03cd8c50a90_HeaderRectangle">
            <a:extLst>
              <a:ext uri="{FF2B5EF4-FFF2-40B4-BE49-F238E27FC236}">
                <a16:creationId xmlns:a16="http://schemas.microsoft.com/office/drawing/2014/main" id="{456036E4-5D6E-6F3D-EB24-D94CC654093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710688"/>
            <a:ext cx="1422400" cy="760603"/>
          </a:xfrm>
          <a:prstGeom prst="rect">
            <a:avLst/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bfad4826a86748a189ade22cd32c0b6e_HeaderRectangle">
            <a:extLst>
              <a:ext uri="{FF2B5EF4-FFF2-40B4-BE49-F238E27FC236}">
                <a16:creationId xmlns:a16="http://schemas.microsoft.com/office/drawing/2014/main" id="{56996962-EFCF-CF4E-BFA0-FFC11413FC0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3496691"/>
            <a:ext cx="1422400" cy="1370203"/>
          </a:xfrm>
          <a:prstGeom prst="rect">
            <a:avLst/>
          </a:prstGeom>
          <a:solidFill>
            <a:srgbClr val="A7B82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d93d321adf89484fb12aefb7a52183c5_HeaderRectangle">
            <a:extLst>
              <a:ext uri="{FF2B5EF4-FFF2-40B4-BE49-F238E27FC236}">
                <a16:creationId xmlns:a16="http://schemas.microsoft.com/office/drawing/2014/main" id="{7E8A09A8-4ADE-EAD2-D12A-532A9189514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892294"/>
            <a:ext cx="1422400" cy="511302"/>
          </a:xfrm>
          <a:prstGeom prst="rect">
            <a:avLst/>
          </a:prstGeom>
          <a:solidFill>
            <a:srgbClr val="F6920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84ba4dfcea7a435083bef79fa96f23f4_HeaderRectangle">
            <a:extLst>
              <a:ext uri="{FF2B5EF4-FFF2-40B4-BE49-F238E27FC236}">
                <a16:creationId xmlns:a16="http://schemas.microsoft.com/office/drawing/2014/main" id="{0559E4DB-2B67-69E7-5F00-5D26AAC341D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5441696"/>
            <a:ext cx="1422400" cy="1141603"/>
          </a:xfrm>
          <a:prstGeom prst="rect">
            <a:avLst/>
          </a:prstGeom>
          <a:solidFill>
            <a:srgbClr val="1DA383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B_00000000000000000000000000000000_MiddleScaleContainer">
            <a:extLst>
              <a:ext uri="{FF2B5EF4-FFF2-40B4-BE49-F238E27FC236}">
                <a16:creationId xmlns:a16="http://schemas.microsoft.com/office/drawing/2014/main" id="{A8066AE5-4CFA-6A3F-7E16-A2B4B45A1D3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609527" y="2455164"/>
            <a:ext cx="97409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1DA383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F3B9EA63-8FD6-3574-4481-E0E1E57E882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609527" y="2263140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44546A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1fe79171ed1c4d1f90df88e18c2c5453_HeaderRectangle" hidden="1">
            <a:extLst>
              <a:ext uri="{FF2B5EF4-FFF2-40B4-BE49-F238E27FC236}">
                <a16:creationId xmlns:a16="http://schemas.microsoft.com/office/drawing/2014/main" id="{EE985FBD-F5C4-F9CF-4A27-26607F52ACB6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482527" y="271068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50d28a22653c4710bbb51a6b7b32413c_HeaderRectangle" hidden="1">
            <a:extLst>
              <a:ext uri="{FF2B5EF4-FFF2-40B4-BE49-F238E27FC236}">
                <a16:creationId xmlns:a16="http://schemas.microsoft.com/office/drawing/2014/main" id="{7E25A9EA-858C-463D-445B-E21DDC6FD23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482527" y="3496691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" name="OTLSHAPE_SL2A_d45c8cdeab2342aa929a01da26d53ccd_HeaderRectangle" hidden="1">
            <a:extLst>
              <a:ext uri="{FF2B5EF4-FFF2-40B4-BE49-F238E27FC236}">
                <a16:creationId xmlns:a16="http://schemas.microsoft.com/office/drawing/2014/main" id="{98648C35-C3EA-45DE-B1A5-D4FF6543D4B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482527" y="4892294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SL2A_8f67b377deac43f3bc85336a39b58e7e_HeaderRectangle" hidden="1">
            <a:extLst>
              <a:ext uri="{FF2B5EF4-FFF2-40B4-BE49-F238E27FC236}">
                <a16:creationId xmlns:a16="http://schemas.microsoft.com/office/drawing/2014/main" id="{8C0C0805-23BF-C0F5-08BA-75E7AC254C9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482527" y="5441696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" name="OTLSHAPE_G_00000000000000000000000000000000_ShapeBelow0">
            <a:extLst>
              <a:ext uri="{FF2B5EF4-FFF2-40B4-BE49-F238E27FC236}">
                <a16:creationId xmlns:a16="http://schemas.microsoft.com/office/drawing/2014/main" id="{D7B0CAE1-2A3E-3481-4635-ECA47B4598C8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003936" y="2647188"/>
            <a:ext cx="0" cy="39361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1">
            <a:extLst>
              <a:ext uri="{FF2B5EF4-FFF2-40B4-BE49-F238E27FC236}">
                <a16:creationId xmlns:a16="http://schemas.microsoft.com/office/drawing/2014/main" id="{232FA67B-F586-07B2-6137-8600E97B80FC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4398345" y="2647188"/>
            <a:ext cx="0" cy="39361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2">
            <a:extLst>
              <a:ext uri="{FF2B5EF4-FFF2-40B4-BE49-F238E27FC236}">
                <a16:creationId xmlns:a16="http://schemas.microsoft.com/office/drawing/2014/main" id="{8C81B301-B3A4-B011-3A95-2BE3EE8065D3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792755" y="2647188"/>
            <a:ext cx="0" cy="39361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3">
            <a:extLst>
              <a:ext uri="{FF2B5EF4-FFF2-40B4-BE49-F238E27FC236}">
                <a16:creationId xmlns:a16="http://schemas.microsoft.com/office/drawing/2014/main" id="{C0901064-DCDC-C6B9-76FD-ED6F86B15ACD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210024" y="2647188"/>
            <a:ext cx="0" cy="39361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4">
            <a:extLst>
              <a:ext uri="{FF2B5EF4-FFF2-40B4-BE49-F238E27FC236}">
                <a16:creationId xmlns:a16="http://schemas.microsoft.com/office/drawing/2014/main" id="{9CA8CB4F-2BE5-57D8-7138-3364D927E94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558716" y="2647188"/>
            <a:ext cx="0" cy="39361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5">
            <a:extLst>
              <a:ext uri="{FF2B5EF4-FFF2-40B4-BE49-F238E27FC236}">
                <a16:creationId xmlns:a16="http://schemas.microsoft.com/office/drawing/2014/main" id="{E3AC8E6F-1315-658A-9E84-27A4D2442CCB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953125" y="2647188"/>
            <a:ext cx="0" cy="3936111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20" name="OTLSHAPE_SLT_5236c86714b94efba4f77b707bfc335d_Shape">
            <a:extLst>
              <a:ext uri="{FF2B5EF4-FFF2-40B4-BE49-F238E27FC236}">
                <a16:creationId xmlns:a16="http://schemas.microsoft.com/office/drawing/2014/main" id="{4EFCE094-00FE-6664-4319-59B0E4CC296E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792400" y="2778189"/>
            <a:ext cx="228600" cy="127000"/>
          </a:xfrm>
          <a:prstGeom prst="chevron">
            <a:avLst/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8" name="OTLSHAPE_SLT_0cc2360959de4f388a5058a88bd862e5_Shape">
            <a:extLst>
              <a:ext uri="{FF2B5EF4-FFF2-40B4-BE49-F238E27FC236}">
                <a16:creationId xmlns:a16="http://schemas.microsoft.com/office/drawing/2014/main" id="{8EA9F849-84AA-7477-24B5-06B7445C6EF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072514" y="2778189"/>
            <a:ext cx="596900" cy="127000"/>
          </a:xfrm>
          <a:prstGeom prst="chevron">
            <a:avLst/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2" name="OTLSHAPE_SLT_2797adfe8ea640669ce7072778afe28a_Shape">
            <a:extLst>
              <a:ext uri="{FF2B5EF4-FFF2-40B4-BE49-F238E27FC236}">
                <a16:creationId xmlns:a16="http://schemas.microsoft.com/office/drawing/2014/main" id="{FA3EA819-9C46-DE07-693F-F78C1F5C5C0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501034" y="3276791"/>
            <a:ext cx="596900" cy="127000"/>
          </a:xfrm>
          <a:prstGeom prst="chevron">
            <a:avLst/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4" name="OTLSHAPE_SLT_527334ec204541ca8607a8ef6ce47bed_Shape">
            <a:extLst>
              <a:ext uri="{FF2B5EF4-FFF2-40B4-BE49-F238E27FC236}">
                <a16:creationId xmlns:a16="http://schemas.microsoft.com/office/drawing/2014/main" id="{782ADC5E-11E0-13F1-C175-700FF7BD9BE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964022" y="3027490"/>
            <a:ext cx="596900" cy="127000"/>
          </a:xfrm>
          <a:prstGeom prst="chevron">
            <a:avLst/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8" name="OTLSHAPE_SLT_a81bc5b2d6244c53bab757946dd58df4_Shape">
            <a:extLst>
              <a:ext uri="{FF2B5EF4-FFF2-40B4-BE49-F238E27FC236}">
                <a16:creationId xmlns:a16="http://schemas.microsoft.com/office/drawing/2014/main" id="{F7B052ED-A432-BBC3-60F9-6E473A95CFA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186810" y="3720592"/>
            <a:ext cx="647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A7B82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T_aaaeaebd5fd54cbf99301004fbcd47b3_Shape">
            <a:extLst>
              <a:ext uri="{FF2B5EF4-FFF2-40B4-BE49-F238E27FC236}">
                <a16:creationId xmlns:a16="http://schemas.microsoft.com/office/drawing/2014/main" id="{8B7BFF36-F56B-DAED-FA6D-F1F839B2275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718374" y="3720592"/>
            <a:ext cx="571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A7B82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T_8049673626d64f0688c7d1c9e0950227_Shape">
            <a:extLst>
              <a:ext uri="{FF2B5EF4-FFF2-40B4-BE49-F238E27FC236}">
                <a16:creationId xmlns:a16="http://schemas.microsoft.com/office/drawing/2014/main" id="{2125F84D-7F8D-C8F3-C0FC-60D5226F2C4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266994" y="4625594"/>
            <a:ext cx="482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A7B82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T_6091f48bfcf84164b3b8bc1e192728ea_Shape">
            <a:extLst>
              <a:ext uri="{FF2B5EF4-FFF2-40B4-BE49-F238E27FC236}">
                <a16:creationId xmlns:a16="http://schemas.microsoft.com/office/drawing/2014/main" id="{78961A8C-456A-9C15-8010-0006349DC6D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621134" y="4625594"/>
            <a:ext cx="901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A7B82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T_ef8a62a4b415467c864114c20f3f4a2e_Shape">
            <a:extLst>
              <a:ext uri="{FF2B5EF4-FFF2-40B4-BE49-F238E27FC236}">
                <a16:creationId xmlns:a16="http://schemas.microsoft.com/office/drawing/2014/main" id="{D83D0FB3-42CD-2987-38D8-88A6B2104ED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747037" y="4173093"/>
            <a:ext cx="482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A7B82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T_17de39148d8f4290b0ed6a996e676c91_Shape">
            <a:extLst>
              <a:ext uri="{FF2B5EF4-FFF2-40B4-BE49-F238E27FC236}">
                <a16:creationId xmlns:a16="http://schemas.microsoft.com/office/drawing/2014/main" id="{866CE4CA-E527-715B-BA6D-FB8F8202B3B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255387" y="4173093"/>
            <a:ext cx="1079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A7B82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T_3de6411f31bc48a3b62da63111c09dac_Shape">
            <a:extLst>
              <a:ext uri="{FF2B5EF4-FFF2-40B4-BE49-F238E27FC236}">
                <a16:creationId xmlns:a16="http://schemas.microsoft.com/office/drawing/2014/main" id="{B17F7A81-9A20-1F17-C107-0D5FB35AAD5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249939" y="4959795"/>
            <a:ext cx="6731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F692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T_a65afaae7e864c1689827d45996b77c0_Shape">
            <a:extLst>
              <a:ext uri="{FF2B5EF4-FFF2-40B4-BE49-F238E27FC236}">
                <a16:creationId xmlns:a16="http://schemas.microsoft.com/office/drawing/2014/main" id="{590BEB03-DC49-557B-D2C6-D69D5344BE1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6318517" y="5209096"/>
            <a:ext cx="647700" cy="1270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F692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SLT_d9a9cd98230d4b9b8308d6e96e365d4a_Shape">
            <a:extLst>
              <a:ext uri="{FF2B5EF4-FFF2-40B4-BE49-F238E27FC236}">
                <a16:creationId xmlns:a16="http://schemas.microsoft.com/office/drawing/2014/main" id="{4EAB7AC6-D1B5-44CD-947E-AABCA9C9A041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958574" y="5665597"/>
            <a:ext cx="6477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DA38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SLT_6ca51be5ed1b4aa4b446f0e3e91c14d6_Shape">
            <a:extLst>
              <a:ext uri="{FF2B5EF4-FFF2-40B4-BE49-F238E27FC236}">
                <a16:creationId xmlns:a16="http://schemas.microsoft.com/office/drawing/2014/main" id="{5CF1783B-9534-4FBD-6C99-2A356CDAA9B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781503" y="6041898"/>
            <a:ext cx="6477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DA38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SLT_671150a6153e46d6b550b2090529b149_Shape">
            <a:extLst>
              <a:ext uri="{FF2B5EF4-FFF2-40B4-BE49-F238E27FC236}">
                <a16:creationId xmlns:a16="http://schemas.microsoft.com/office/drawing/2014/main" id="{616A1765-06D2-E428-1173-CD91A30608C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673012" y="6418199"/>
            <a:ext cx="6477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DA38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4" name="OTLSHAPE_TB_00000000000000000000000000000000_ElapsedTime" hidden="1">
            <a:extLst>
              <a:ext uri="{FF2B5EF4-FFF2-40B4-BE49-F238E27FC236}">
                <a16:creationId xmlns:a16="http://schemas.microsoft.com/office/drawing/2014/main" id="{3D286DE1-2BE8-7E9B-B4B8-57427A2B366B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609527" y="22631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SLT_0cc2360959de4f388a5058a88bd862e5_ShapePercentage" hidden="1">
            <a:extLst>
              <a:ext uri="{FF2B5EF4-FFF2-40B4-BE49-F238E27FC236}">
                <a16:creationId xmlns:a16="http://schemas.microsoft.com/office/drawing/2014/main" id="{AC846580-A330-2545-6970-CFEBE91320A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072514" y="277818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8" name="OTLSHAPE_SLT_5236c86714b94efba4f77b707bfc335d_ShapePercentage" hidden="1">
            <a:extLst>
              <a:ext uri="{FF2B5EF4-FFF2-40B4-BE49-F238E27FC236}">
                <a16:creationId xmlns:a16="http://schemas.microsoft.com/office/drawing/2014/main" id="{221C3760-C3D2-6F17-9E17-F19BDF0C378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792400" y="277818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2" name="OTLSHAPE_SLT_527334ec204541ca8607a8ef6ce47bed_ShapePercentage" hidden="1">
            <a:extLst>
              <a:ext uri="{FF2B5EF4-FFF2-40B4-BE49-F238E27FC236}">
                <a16:creationId xmlns:a16="http://schemas.microsoft.com/office/drawing/2014/main" id="{2738E9C5-7EDF-6691-B6E9-A88DC7AAFCC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964022" y="302749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6" name="OTLSHAPE_SLT_2797adfe8ea640669ce7072778afe28a_ShapePercentage" hidden="1">
            <a:extLst>
              <a:ext uri="{FF2B5EF4-FFF2-40B4-BE49-F238E27FC236}">
                <a16:creationId xmlns:a16="http://schemas.microsoft.com/office/drawing/2014/main" id="{E2E141B1-AF08-8326-6311-67726B18AF8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501034" y="327679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69" name="OTLSHAPE_SLT_a81bc5b2d6244c53bab757946dd58df4_ShapePercentage" hidden="1">
            <a:extLst>
              <a:ext uri="{FF2B5EF4-FFF2-40B4-BE49-F238E27FC236}">
                <a16:creationId xmlns:a16="http://schemas.microsoft.com/office/drawing/2014/main" id="{DB200A0A-0FFE-9A5B-7B42-11459C4A094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186810" y="372059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T_aaaeaebd5fd54cbf99301004fbcd47b3_ShapePercentage" hidden="1">
            <a:extLst>
              <a:ext uri="{FF2B5EF4-FFF2-40B4-BE49-F238E27FC236}">
                <a16:creationId xmlns:a16="http://schemas.microsoft.com/office/drawing/2014/main" id="{2D8E7ED1-E939-1040-EFD7-8DBE51B3892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718374" y="372059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ef8a62a4b415467c864114c20f3f4a2e_ShapePercentage" hidden="1">
            <a:extLst>
              <a:ext uri="{FF2B5EF4-FFF2-40B4-BE49-F238E27FC236}">
                <a16:creationId xmlns:a16="http://schemas.microsoft.com/office/drawing/2014/main" id="{1FE4A442-574B-DD44-9342-422576EB24F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747037" y="417309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1" name="OTLSHAPE_SLT_17de39148d8f4290b0ed6a996e676c91_ShapePercentage" hidden="1">
            <a:extLst>
              <a:ext uri="{FF2B5EF4-FFF2-40B4-BE49-F238E27FC236}">
                <a16:creationId xmlns:a16="http://schemas.microsoft.com/office/drawing/2014/main" id="{3FA4568B-BADD-C2A6-8BE5-BC06497B89F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255387" y="4173093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T_8049673626d64f0688c7d1c9e0950227_ShapePercentage" hidden="1">
            <a:extLst>
              <a:ext uri="{FF2B5EF4-FFF2-40B4-BE49-F238E27FC236}">
                <a16:creationId xmlns:a16="http://schemas.microsoft.com/office/drawing/2014/main" id="{7088EF37-89A3-3A0B-1595-F22EC5ACC5CE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266994" y="462559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SLT_6091f48bfcf84164b3b8bc1e192728ea_ShapePercentage" hidden="1">
            <a:extLst>
              <a:ext uri="{FF2B5EF4-FFF2-40B4-BE49-F238E27FC236}">
                <a16:creationId xmlns:a16="http://schemas.microsoft.com/office/drawing/2014/main" id="{1DB067A6-C569-0785-2963-B257FC7A21BA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621134" y="462559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T_3de6411f31bc48a3b62da63111c09dac_ShapePercentage" hidden="1">
            <a:extLst>
              <a:ext uri="{FF2B5EF4-FFF2-40B4-BE49-F238E27FC236}">
                <a16:creationId xmlns:a16="http://schemas.microsoft.com/office/drawing/2014/main" id="{729FAF2C-1C01-16F5-5310-E650C09FAEF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249939" y="4959795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T_a65afaae7e864c1689827d45996b77c0_ShapePercentage" hidden="1">
            <a:extLst>
              <a:ext uri="{FF2B5EF4-FFF2-40B4-BE49-F238E27FC236}">
                <a16:creationId xmlns:a16="http://schemas.microsoft.com/office/drawing/2014/main" id="{8EF5494E-98CB-CB52-DA46-8DBBF18C45FD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318517" y="5209096"/>
            <a:ext cx="0" cy="0"/>
          </a:xfrm>
          <a:prstGeom prst="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SLT_d9a9cd98230d4b9b8308d6e96e365d4a_ShapePercentage" hidden="1">
            <a:extLst>
              <a:ext uri="{FF2B5EF4-FFF2-40B4-BE49-F238E27FC236}">
                <a16:creationId xmlns:a16="http://schemas.microsoft.com/office/drawing/2014/main" id="{78ABED70-886B-D307-F3AB-FFA2817ECAA3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958574" y="566559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3" name="OTLSHAPE_SLT_6ca51be5ed1b4aa4b446f0e3e91c14d6_ShapePercentage" hidden="1">
            <a:extLst>
              <a:ext uri="{FF2B5EF4-FFF2-40B4-BE49-F238E27FC236}">
                <a16:creationId xmlns:a16="http://schemas.microsoft.com/office/drawing/2014/main" id="{8C0EB802-C0A1-264D-FE81-CF23644F0B45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781503" y="6041898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" name="OTLSHAPE_SLT_671150a6153e46d6b550b2090529b149_ShapePercentage" hidden="1">
            <a:extLst>
              <a:ext uri="{FF2B5EF4-FFF2-40B4-BE49-F238E27FC236}">
                <a16:creationId xmlns:a16="http://schemas.microsoft.com/office/drawing/2014/main" id="{B02BF443-E165-8795-3D20-9A6C6F9D9176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8673012" y="6418199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9ce507ecfc0245399f11c03cd8c50a90_Header">
            <a:extLst>
              <a:ext uri="{FF2B5EF4-FFF2-40B4-BE49-F238E27FC236}">
                <a16:creationId xmlns:a16="http://schemas.microsoft.com/office/drawing/2014/main" id="{389A1BB8-9D7B-7967-6E8B-31209C1C7B6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2854516"/>
            <a:ext cx="1422400" cy="4729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dirty="0">
                <a:solidFill>
                  <a:schemeClr val="lt1"/>
                </a:solidFill>
                <a:latin typeface="Segoe UI Semibold" panose="020B0702040204020203" pitchFamily="34" charset="0"/>
              </a:rPr>
              <a:t>Planning &amp; assessment</a:t>
            </a:r>
          </a:p>
        </p:txBody>
      </p:sp>
      <p:sp>
        <p:nvSpPr>
          <p:cNvPr id="24" name="OTLSHAPE_SL_bfad4826a86748a189ade22cd32c0b6e_Header">
            <a:extLst>
              <a:ext uri="{FF2B5EF4-FFF2-40B4-BE49-F238E27FC236}">
                <a16:creationId xmlns:a16="http://schemas.microsoft.com/office/drawing/2014/main" id="{1ED1C2C1-F2EE-4C17-6CD3-7A9CC20FC87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3945318"/>
            <a:ext cx="1422400" cy="4729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dirty="0">
                <a:solidFill>
                  <a:schemeClr val="lt1"/>
                </a:solidFill>
                <a:latin typeface="Segoe UI Semibold" panose="020B0702040204020203" pitchFamily="34" charset="0"/>
              </a:rPr>
              <a:t>Infrastructure   setup</a:t>
            </a:r>
          </a:p>
        </p:txBody>
      </p:sp>
      <p:sp>
        <p:nvSpPr>
          <p:cNvPr id="27" name="OTLSHAPE_SL_d93d321adf89484fb12aefb7a52183c5_Header">
            <a:extLst>
              <a:ext uri="{FF2B5EF4-FFF2-40B4-BE49-F238E27FC236}">
                <a16:creationId xmlns:a16="http://schemas.microsoft.com/office/drawing/2014/main" id="{6E1370C2-BF99-24F1-39A6-624B6A15906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4911471"/>
            <a:ext cx="1422400" cy="4729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dirty="0">
                <a:solidFill>
                  <a:schemeClr val="lt1"/>
                </a:solidFill>
                <a:latin typeface="Segoe UI Semibold" panose="020B0702040204020203" pitchFamily="34" charset="0"/>
              </a:rPr>
              <a:t>Full scale implementation</a:t>
            </a:r>
          </a:p>
        </p:txBody>
      </p:sp>
      <p:sp>
        <p:nvSpPr>
          <p:cNvPr id="30" name="OTLSHAPE_SL_84ba4dfcea7a435083bef79fa96f23f4_Header">
            <a:extLst>
              <a:ext uri="{FF2B5EF4-FFF2-40B4-BE49-F238E27FC236}">
                <a16:creationId xmlns:a16="http://schemas.microsoft.com/office/drawing/2014/main" id="{370EB362-9CEA-CD57-0E0D-ADEA543A26A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5776024"/>
            <a:ext cx="1422400" cy="4729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>
                <a:solidFill>
                  <a:schemeClr val="lt1"/>
                </a:solidFill>
                <a:latin typeface="Segoe UI Semibold" panose="020B0702040204020203" pitchFamily="34" charset="0"/>
              </a:rPr>
              <a:t>Review and optimization</a:t>
            </a:r>
          </a:p>
        </p:txBody>
      </p:sp>
      <p:sp>
        <p:nvSpPr>
          <p:cNvPr id="52" name="OTLSHAPE_SL2A_1fe79171ed1c4d1f90df88e18c2c5453_Header" hidden="1">
            <a:extLst>
              <a:ext uri="{FF2B5EF4-FFF2-40B4-BE49-F238E27FC236}">
                <a16:creationId xmlns:a16="http://schemas.microsoft.com/office/drawing/2014/main" id="{CA50A514-34E1-1D2C-DA05-9CDFABF975C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2A_50d28a22653c4710bbb51a6b7b32413c_Header" hidden="1">
            <a:extLst>
              <a:ext uri="{FF2B5EF4-FFF2-40B4-BE49-F238E27FC236}">
                <a16:creationId xmlns:a16="http://schemas.microsoft.com/office/drawing/2014/main" id="{7CE6B979-DECE-EE0A-933E-AE14B7547B9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0" name="OTLSHAPE_SL2A_d45c8cdeab2342aa929a01da26d53ccd_Header" hidden="1">
            <a:extLst>
              <a:ext uri="{FF2B5EF4-FFF2-40B4-BE49-F238E27FC236}">
                <a16:creationId xmlns:a16="http://schemas.microsoft.com/office/drawing/2014/main" id="{A0DA7D7E-8783-6364-E40E-9F2C5BE7225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5" name="OTLSHAPE_SL2A_8f67b377deac43f3bc85336a39b58e7e_Header" hidden="1">
            <a:extLst>
              <a:ext uri="{FF2B5EF4-FFF2-40B4-BE49-F238E27FC236}">
                <a16:creationId xmlns:a16="http://schemas.microsoft.com/office/drawing/2014/main" id="{CB8B790E-9BFF-650E-C1F5-7C62011428D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18735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TB_00000000000000000000000000000000_TodayMarkerShape" hidden="1">
            <a:extLst>
              <a:ext uri="{FF2B5EF4-FFF2-40B4-BE49-F238E27FC236}">
                <a16:creationId xmlns:a16="http://schemas.microsoft.com/office/drawing/2014/main" id="{87AF9B1B-857D-4342-55B9-3DD6E53C8B0E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867623" y="2647188"/>
            <a:ext cx="63500" cy="60960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FEB9A15-BE25-DBC1-A16C-8F5AE271ACB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673027" y="2253234"/>
            <a:ext cx="26013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lt1"/>
                </a:solidFill>
                <a:latin typeface="Segoe UI Black" panose="020B0A02040204020203" pitchFamily="34" charset="0"/>
              </a:rPr>
              <a:t>Ju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7038AE02-11FC-082A-8B2A-ACB9BC26950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067436" y="2253234"/>
            <a:ext cx="298672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6">
                <a:solidFill>
                  <a:schemeClr val="lt1"/>
                </a:solidFill>
                <a:latin typeface="Segoe UI Black" panose="020B0A02040204020203" pitchFamily="34" charset="0"/>
              </a:rPr>
              <a:t>Aug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CE10366-7F75-68AE-DBB3-21266B9B8D6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461846" y="2253234"/>
            <a:ext cx="248081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6">
                <a:solidFill>
                  <a:schemeClr val="lt1"/>
                </a:solidFill>
                <a:latin typeface="Segoe UI Black" panose="020B0A02040204020203" pitchFamily="34" charset="0"/>
              </a:rPr>
              <a:t>Oct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EAFA1A16-4FED-3C31-FA5F-9C580F9739A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856255" y="2253234"/>
            <a:ext cx="26975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8">
                <a:solidFill>
                  <a:schemeClr val="lt1"/>
                </a:solidFill>
                <a:latin typeface="Segoe UI Black" panose="020B0A02040204020203" pitchFamily="34" charset="0"/>
              </a:rPr>
              <a:t>Dec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16BDF3E-6855-3C93-34C5-16E2C82F305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273524" y="2253234"/>
            <a:ext cx="258532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8">
                <a:solidFill>
                  <a:schemeClr val="lt1"/>
                </a:solidFill>
                <a:latin typeface="Segoe UI Black" panose="020B0A02040204020203" pitchFamily="34" charset="0"/>
              </a:rPr>
              <a:t>Feb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34BAF348-E89A-3437-2919-8E45F148AF1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622216" y="2253234"/>
            <a:ext cx="27058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6">
                <a:solidFill>
                  <a:schemeClr val="lt1"/>
                </a:solidFill>
                <a:latin typeface="Segoe UI Black" panose="020B0A02040204020203" pitchFamily="34" charset="0"/>
              </a:rPr>
              <a:t>Apr</a:t>
            </a:r>
          </a:p>
        </p:txBody>
      </p:sp>
      <p:sp>
        <p:nvSpPr>
          <p:cNvPr id="49" name="OTLSHAPE_TB_00000000000000000000000000000000_TimescaleInterval7">
            <a:extLst>
              <a:ext uri="{FF2B5EF4-FFF2-40B4-BE49-F238E27FC236}">
                <a16:creationId xmlns:a16="http://schemas.microsoft.com/office/drawing/2014/main" id="{F74E4A02-D548-6D32-CAE3-A3D4067FDA4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016625" y="2253234"/>
            <a:ext cx="260136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 dirty="0">
                <a:solidFill>
                  <a:schemeClr val="lt1"/>
                </a:solidFill>
                <a:latin typeface="Segoe UI Black" panose="020B0A02040204020203" pitchFamily="34" charset="0"/>
              </a:rPr>
              <a:t>Jun</a:t>
            </a:r>
          </a:p>
        </p:txBody>
      </p:sp>
      <p:sp>
        <p:nvSpPr>
          <p:cNvPr id="87" name="OTLSHAPE_SLT_5236c86714b94efba4f77b707bfc335d_Title">
            <a:extLst>
              <a:ext uri="{FF2B5EF4-FFF2-40B4-BE49-F238E27FC236}">
                <a16:creationId xmlns:a16="http://schemas.microsoft.com/office/drawing/2014/main" id="{9E736B68-6AA2-2AF4-31DC-97F5B1A734D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071776" y="2748788"/>
            <a:ext cx="723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Segoe UI" panose="020B0502040204020203" pitchFamily="34" charset="0"/>
              </a:rPr>
              <a:t>AI strategy</a:t>
            </a:r>
            <a:endParaRPr lang="en-US" sz="1100" b="1" spc="-8" dirty="0">
              <a:solidFill>
                <a:schemeClr val="dk1"/>
              </a:solidFill>
              <a:latin typeface="Segoe UI" panose="020B0502040204020203" pitchFamily="34" charset="0"/>
            </a:endParaRPr>
          </a:p>
        </p:txBody>
      </p:sp>
      <p:sp>
        <p:nvSpPr>
          <p:cNvPr id="94" name="OTLSHAPE_SLT_0cc2360959de4f388a5058a88bd862e5_Title">
            <a:extLst>
              <a:ext uri="{FF2B5EF4-FFF2-40B4-BE49-F238E27FC236}">
                <a16:creationId xmlns:a16="http://schemas.microsoft.com/office/drawing/2014/main" id="{FC7A2D2D-8763-2630-5749-B6B7BEBD562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717636" y="2748788"/>
            <a:ext cx="1498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Segoe UI" panose="020B0502040204020203" pitchFamily="34" charset="0"/>
              </a:rPr>
              <a:t>Develop pilot program</a:t>
            </a:r>
          </a:p>
        </p:txBody>
      </p:sp>
      <p:sp>
        <p:nvSpPr>
          <p:cNvPr id="102" name="OTLSHAPE_SLT_2797adfe8ea640669ce7072778afe28a_Title">
            <a:extLst>
              <a:ext uri="{FF2B5EF4-FFF2-40B4-BE49-F238E27FC236}">
                <a16:creationId xmlns:a16="http://schemas.microsoft.com/office/drawing/2014/main" id="{E812418C-3001-84B4-4635-B5481DC5543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146157" y="3247390"/>
            <a:ext cx="1638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Segoe UI" panose="020B0502040204020203" pitchFamily="34" charset="0"/>
              </a:rPr>
              <a:t>Conduct feasibility study</a:t>
            </a:r>
          </a:p>
        </p:txBody>
      </p:sp>
      <p:sp>
        <p:nvSpPr>
          <p:cNvPr id="111" name="OTLSHAPE_SLT_527334ec204541ca8607a8ef6ce47bed_Title">
            <a:extLst>
              <a:ext uri="{FF2B5EF4-FFF2-40B4-BE49-F238E27FC236}">
                <a16:creationId xmlns:a16="http://schemas.microsoft.com/office/drawing/2014/main" id="{5D5926AD-70C5-5948-C22A-52483A14999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609144" y="2998089"/>
            <a:ext cx="1841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Segoe UI" panose="020B0502040204020203" pitchFamily="34" charset="0"/>
              </a:rPr>
              <a:t>Select AI tools and platform</a:t>
            </a:r>
            <a:endParaRPr lang="en-US" sz="1100" b="1" spc="-4" dirty="0">
              <a:solidFill>
                <a:schemeClr val="dk1"/>
              </a:solidFill>
              <a:latin typeface="Segoe UI" panose="020B0502040204020203" pitchFamily="34" charset="0"/>
            </a:endParaRPr>
          </a:p>
        </p:txBody>
      </p:sp>
      <p:sp>
        <p:nvSpPr>
          <p:cNvPr id="118" name="OTLSHAPE_SLT_a81bc5b2d6244c53bab757946dd58df4_Title">
            <a:extLst>
              <a:ext uri="{FF2B5EF4-FFF2-40B4-BE49-F238E27FC236}">
                <a16:creationId xmlns:a16="http://schemas.microsoft.com/office/drawing/2014/main" id="{D0253D59-A535-A146-28F1-AF3B69B5E63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186810" y="3534791"/>
            <a:ext cx="1028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Data collection </a:t>
            </a:r>
          </a:p>
        </p:txBody>
      </p:sp>
      <p:sp>
        <p:nvSpPr>
          <p:cNvPr id="127" name="OTLSHAPE_SLT_aaaeaebd5fd54cbf99301004fbcd47b3_Title">
            <a:extLst>
              <a:ext uri="{FF2B5EF4-FFF2-40B4-BE49-F238E27FC236}">
                <a16:creationId xmlns:a16="http://schemas.microsoft.com/office/drawing/2014/main" id="{0EC41A32-7623-6E3C-9274-DED33DD658B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718374" y="3534791"/>
            <a:ext cx="1244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Segoe UI" panose="020B0502040204020203" pitchFamily="34" charset="0"/>
              </a:rPr>
              <a:t>Develop AI models</a:t>
            </a:r>
          </a:p>
        </p:txBody>
      </p:sp>
      <p:sp>
        <p:nvSpPr>
          <p:cNvPr id="135" name="OTLSHAPE_SLT_8049673626d64f0688c7d1c9e0950227_Title">
            <a:extLst>
              <a:ext uri="{FF2B5EF4-FFF2-40B4-BE49-F238E27FC236}">
                <a16:creationId xmlns:a16="http://schemas.microsoft.com/office/drawing/2014/main" id="{F1ED81F2-A603-02E1-8F95-EB850C92B39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797821" y="4634293"/>
            <a:ext cx="1155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AI model training</a:t>
            </a:r>
          </a:p>
        </p:txBody>
      </p:sp>
      <p:sp>
        <p:nvSpPr>
          <p:cNvPr id="142" name="OTLSHAPE_SLT_6091f48bfcf84164b3b8bc1e192728ea_Title">
            <a:extLst>
              <a:ext uri="{FF2B5EF4-FFF2-40B4-BE49-F238E27FC236}">
                <a16:creationId xmlns:a16="http://schemas.microsoft.com/office/drawing/2014/main" id="{D4023D2C-EDC8-94FE-949F-06B0C57C2C3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621134" y="4439793"/>
            <a:ext cx="1054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Segoe UI" panose="020B0502040204020203" pitchFamily="34" charset="0"/>
              </a:rPr>
              <a:t>Update storage </a:t>
            </a:r>
          </a:p>
        </p:txBody>
      </p:sp>
      <p:sp>
        <p:nvSpPr>
          <p:cNvPr id="151" name="OTLSHAPE_SLT_ef8a62a4b415467c864114c20f3f4a2e_Title">
            <a:extLst>
              <a:ext uri="{FF2B5EF4-FFF2-40B4-BE49-F238E27FC236}">
                <a16:creationId xmlns:a16="http://schemas.microsoft.com/office/drawing/2014/main" id="{C80B3104-C0A3-DC5C-4A45-CCCD960B2A6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747037" y="3987292"/>
            <a:ext cx="1168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dirty="0">
                <a:solidFill>
                  <a:schemeClr val="dk1"/>
                </a:solidFill>
                <a:latin typeface="Segoe UI" panose="020B0502040204020203" pitchFamily="34" charset="0"/>
              </a:rPr>
              <a:t>Validate AI model</a:t>
            </a:r>
          </a:p>
        </p:txBody>
      </p:sp>
      <p:sp>
        <p:nvSpPr>
          <p:cNvPr id="158" name="OTLSHAPE_SLT_17de39148d8f4290b0ed6a996e676c91_Title">
            <a:extLst>
              <a:ext uri="{FF2B5EF4-FFF2-40B4-BE49-F238E27FC236}">
                <a16:creationId xmlns:a16="http://schemas.microsoft.com/office/drawing/2014/main" id="{688A4712-C6D6-CBF3-370A-C7F8EE98353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255387" y="3987292"/>
            <a:ext cx="1676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Segoe UI" panose="020B0502040204020203" pitchFamily="34" charset="0"/>
              </a:rPr>
              <a:t>Upgrade IT infrastructure</a:t>
            </a:r>
          </a:p>
        </p:txBody>
      </p:sp>
      <p:sp>
        <p:nvSpPr>
          <p:cNvPr id="166" name="OTLSHAPE_SLT_3de6411f31bc48a3b62da63111c09dac_Title">
            <a:extLst>
              <a:ext uri="{FF2B5EF4-FFF2-40B4-BE49-F238E27FC236}">
                <a16:creationId xmlns:a16="http://schemas.microsoft.com/office/drawing/2014/main" id="{5D4E76AF-B56C-E61C-8ED8-508C4EE3E5B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962286" y="4930394"/>
            <a:ext cx="1244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dirty="0">
                <a:solidFill>
                  <a:schemeClr val="dk1"/>
                </a:solidFill>
                <a:latin typeface="Segoe UI" panose="020B0502040204020203" pitchFamily="34" charset="0"/>
              </a:rPr>
              <a:t>Deploy AI Solution</a:t>
            </a:r>
          </a:p>
        </p:txBody>
      </p:sp>
      <p:sp>
        <p:nvSpPr>
          <p:cNvPr id="174" name="OTLSHAPE_SLT_a65afaae7e864c1689827d45996b77c0_Title">
            <a:extLst>
              <a:ext uri="{FF2B5EF4-FFF2-40B4-BE49-F238E27FC236}">
                <a16:creationId xmlns:a16="http://schemas.microsoft.com/office/drawing/2014/main" id="{A927A6FF-3DDE-A885-67B5-83137A41064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070234" y="5179695"/>
            <a:ext cx="1206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Segoe UI" panose="020B0502040204020203" pitchFamily="34" charset="0"/>
              </a:rPr>
              <a:t>Employee training</a:t>
            </a:r>
          </a:p>
        </p:txBody>
      </p:sp>
      <p:sp>
        <p:nvSpPr>
          <p:cNvPr id="193" name="OTLSHAPE_SLT_d9a9cd98230d4b9b8308d6e96e365d4a_Title">
            <a:extLst>
              <a:ext uri="{FF2B5EF4-FFF2-40B4-BE49-F238E27FC236}">
                <a16:creationId xmlns:a16="http://schemas.microsoft.com/office/drawing/2014/main" id="{120C9671-5E30-FFB1-485C-A5367478A18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958574" y="5479796"/>
            <a:ext cx="19177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Segoe UI" panose="020B0502040204020203" pitchFamily="34" charset="0"/>
              </a:rPr>
              <a:t>Conduct performance review</a:t>
            </a:r>
          </a:p>
        </p:txBody>
      </p:sp>
      <p:sp>
        <p:nvSpPr>
          <p:cNvPr id="201" name="OTLSHAPE_SLT_6ca51be5ed1b4aa4b446f0e3e91c14d6_Title">
            <a:extLst>
              <a:ext uri="{FF2B5EF4-FFF2-40B4-BE49-F238E27FC236}">
                <a16:creationId xmlns:a16="http://schemas.microsoft.com/office/drawing/2014/main" id="{66BDF362-6D43-1FB4-E463-14C7F8CDA61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781503" y="5856097"/>
            <a:ext cx="19050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Segoe UI" panose="020B0502040204020203" pitchFamily="34" charset="0"/>
              </a:rPr>
              <a:t>Optimize AI for performance</a:t>
            </a:r>
          </a:p>
        </p:txBody>
      </p:sp>
      <p:sp>
        <p:nvSpPr>
          <p:cNvPr id="209" name="OTLSHAPE_SLT_671150a6153e46d6b550b2090529b149_Title">
            <a:extLst>
              <a:ext uri="{FF2B5EF4-FFF2-40B4-BE49-F238E27FC236}">
                <a16:creationId xmlns:a16="http://schemas.microsoft.com/office/drawing/2014/main" id="{E47671B6-827F-F333-716D-72A184399A5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673012" y="6232398"/>
            <a:ext cx="1625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Segoe UI" panose="020B0502040204020203" pitchFamily="34" charset="0"/>
              </a:rPr>
              <a:t>Document best practices</a:t>
            </a:r>
          </a:p>
        </p:txBody>
      </p:sp>
      <p:sp>
        <p:nvSpPr>
          <p:cNvPr id="58" name="OTLSHAPE_TB_00000000000000000000000000000000_MiddleTimescaleInterval1">
            <a:extLst>
              <a:ext uri="{FF2B5EF4-FFF2-40B4-BE49-F238E27FC236}">
                <a16:creationId xmlns:a16="http://schemas.microsoft.com/office/drawing/2014/main" id="{D87788A6-0B7F-2880-4F6A-6A17F9382421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673027" y="2445258"/>
            <a:ext cx="19697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40">
                <a:solidFill>
                  <a:schemeClr val="lt1"/>
                </a:solidFill>
                <a:latin typeface="Segoe UI" panose="020B0502040204020203" pitchFamily="34" charset="0"/>
              </a:rPr>
              <a:t>Q2</a:t>
            </a:r>
          </a:p>
        </p:txBody>
      </p:sp>
      <p:sp>
        <p:nvSpPr>
          <p:cNvPr id="64" name="OTLSHAPE_TB_00000000000000000000000000000000_MiddleTimescaleInterval2">
            <a:extLst>
              <a:ext uri="{FF2B5EF4-FFF2-40B4-BE49-F238E27FC236}">
                <a16:creationId xmlns:a16="http://schemas.microsoft.com/office/drawing/2014/main" id="{C05FA6F0-BCF0-EF45-B83D-D57A6A85FA4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2358802" y="2445258"/>
            <a:ext cx="19697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40">
                <a:solidFill>
                  <a:schemeClr val="lt1"/>
                </a:solidFill>
                <a:latin typeface="Segoe UI" panose="020B0502040204020203" pitchFamily="34" charset="0"/>
              </a:rPr>
              <a:t>Q3</a:t>
            </a:r>
          </a:p>
        </p:txBody>
      </p:sp>
      <p:sp>
        <p:nvSpPr>
          <p:cNvPr id="70" name="OTLSHAPE_TB_00000000000000000000000000000000_MiddleTimescaleInterval3">
            <a:extLst>
              <a:ext uri="{FF2B5EF4-FFF2-40B4-BE49-F238E27FC236}">
                <a16:creationId xmlns:a16="http://schemas.microsoft.com/office/drawing/2014/main" id="{05966EF5-3471-D9C9-BE23-BCDD27E96DE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461846" y="2445258"/>
            <a:ext cx="19697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40">
                <a:solidFill>
                  <a:schemeClr val="lt1"/>
                </a:solidFill>
                <a:latin typeface="Segoe UI" panose="020B0502040204020203" pitchFamily="34" charset="0"/>
              </a:rPr>
              <a:t>Q4</a:t>
            </a:r>
          </a:p>
        </p:txBody>
      </p:sp>
      <p:sp>
        <p:nvSpPr>
          <p:cNvPr id="180" name="OTLSHAPE_TB_00000000000000000000000000000000_MiddleTimescaleInterval4">
            <a:extLst>
              <a:ext uri="{FF2B5EF4-FFF2-40B4-BE49-F238E27FC236}">
                <a16:creationId xmlns:a16="http://schemas.microsoft.com/office/drawing/2014/main" id="{425F5CE9-7B3E-4C38-051D-4E00AC8F7A7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564890" y="2445258"/>
            <a:ext cx="19697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40" dirty="0">
                <a:solidFill>
                  <a:schemeClr val="lt1"/>
                </a:solidFill>
                <a:latin typeface="Segoe UI" panose="020B0502040204020203" pitchFamily="34" charset="0"/>
              </a:rPr>
              <a:t>Q1</a:t>
            </a:r>
          </a:p>
        </p:txBody>
      </p:sp>
      <p:sp>
        <p:nvSpPr>
          <p:cNvPr id="216" name="OTLSHAPE_TB_00000000000000000000000000000000_MiddleTimescaleInterval5">
            <a:extLst>
              <a:ext uri="{FF2B5EF4-FFF2-40B4-BE49-F238E27FC236}">
                <a16:creationId xmlns:a16="http://schemas.microsoft.com/office/drawing/2014/main" id="{14DF52C3-D39A-D5E0-A2FE-048EE06C8D8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622216" y="2445258"/>
            <a:ext cx="19697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40">
                <a:solidFill>
                  <a:schemeClr val="lt1"/>
                </a:solidFill>
                <a:latin typeface="Segoe UI" panose="020B0502040204020203" pitchFamily="34" charset="0"/>
              </a:rPr>
              <a:t>Q2</a:t>
            </a:r>
          </a:p>
        </p:txBody>
      </p:sp>
      <p:sp>
        <p:nvSpPr>
          <p:cNvPr id="5" name="OTLSHAPE_TB_00000000000000000000000000000000_MiddleTimescaleInterval6">
            <a:extLst>
              <a:ext uri="{FF2B5EF4-FFF2-40B4-BE49-F238E27FC236}">
                <a16:creationId xmlns:a16="http://schemas.microsoft.com/office/drawing/2014/main" id="{9DBF11D2-7F36-5E93-0F0C-38C9534454B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702400" y="2445258"/>
            <a:ext cx="19697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40">
                <a:solidFill>
                  <a:schemeClr val="lt1"/>
                </a:solidFill>
                <a:latin typeface="Segoe UI" panose="020B0502040204020203" pitchFamily="34" charset="0"/>
              </a:rPr>
              <a:t>Q3</a:t>
            </a:r>
          </a:p>
        </p:txBody>
      </p:sp>
      <p:sp>
        <p:nvSpPr>
          <p:cNvPr id="50" name="OTLSHAPE_TB_00000000000000000000000000000000_TodayMarkerText" hidden="1">
            <a:extLst>
              <a:ext uri="{FF2B5EF4-FFF2-40B4-BE49-F238E27FC236}">
                <a16:creationId xmlns:a16="http://schemas.microsoft.com/office/drawing/2014/main" id="{C06B87C6-4269-8E4A-F4D9-D634ECD46D3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6" name="OTLSHAPE_SLT_0cc2360959de4f388a5058a88bd862e5_Duration" hidden="1">
            <a:extLst>
              <a:ext uri="{FF2B5EF4-FFF2-40B4-BE49-F238E27FC236}">
                <a16:creationId xmlns:a16="http://schemas.microsoft.com/office/drawing/2014/main" id="{EB8EB387-BF19-F347-D295-CE7B913059D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9 days</a:t>
            </a:r>
          </a:p>
        </p:txBody>
      </p:sp>
      <p:sp>
        <p:nvSpPr>
          <p:cNvPr id="77" name="OTLSHAPE_SLT_0cc2360959de4f388a5058a88bd862e5_TextPercentage" hidden="1">
            <a:extLst>
              <a:ext uri="{FF2B5EF4-FFF2-40B4-BE49-F238E27FC236}">
                <a16:creationId xmlns:a16="http://schemas.microsoft.com/office/drawing/2014/main" id="{5551794A-9C63-8C2B-1B47-82D2524AFE2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0cc2360959de4f388a5058a88bd862e5_JoinedDate" hidden="1">
            <a:extLst>
              <a:ext uri="{FF2B5EF4-FFF2-40B4-BE49-F238E27FC236}">
                <a16:creationId xmlns:a16="http://schemas.microsoft.com/office/drawing/2014/main" id="{CA413C91-40E0-D7CF-4734-0840D9D52B2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41243"/>
            <a:ext cx="482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8/4 - 8/29</a:t>
            </a:r>
          </a:p>
        </p:txBody>
      </p:sp>
      <p:sp>
        <p:nvSpPr>
          <p:cNvPr id="79" name="OTLSHAPE_SLT_0cc2360959de4f388a5058a88bd862e5_StartDate" hidden="1">
            <a:extLst>
              <a:ext uri="{FF2B5EF4-FFF2-40B4-BE49-F238E27FC236}">
                <a16:creationId xmlns:a16="http://schemas.microsoft.com/office/drawing/2014/main" id="{BF6D0820-D26C-9F45-A501-52F863998DD6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81" name="OTLSHAPE_SLT_0cc2360959de4f388a5058a88bd862e5_EndDate" hidden="1">
            <a:extLst>
              <a:ext uri="{FF2B5EF4-FFF2-40B4-BE49-F238E27FC236}">
                <a16:creationId xmlns:a16="http://schemas.microsoft.com/office/drawing/2014/main" id="{88AC7CB5-87F6-342F-17B7-9FFE2A44792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89" name="OTLSHAPE_SLT_5236c86714b94efba4f77b707bfc335d_Duration" hidden="1">
            <a:extLst>
              <a:ext uri="{FF2B5EF4-FFF2-40B4-BE49-F238E27FC236}">
                <a16:creationId xmlns:a16="http://schemas.microsoft.com/office/drawing/2014/main" id="{6D15D364-203C-1874-39DE-00C008459E30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96" name="OTLSHAPE_SLT_5236c86714b94efba4f77b707bfc335d_TextPercentage" hidden="1">
            <a:extLst>
              <a:ext uri="{FF2B5EF4-FFF2-40B4-BE49-F238E27FC236}">
                <a16:creationId xmlns:a16="http://schemas.microsoft.com/office/drawing/2014/main" id="{4B2C547C-F7E3-53CB-C968-CB0CAAA2BD4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5236c86714b94efba4f77b707bfc335d_JoinedDate" hidden="1">
            <a:extLst>
              <a:ext uri="{FF2B5EF4-FFF2-40B4-BE49-F238E27FC236}">
                <a16:creationId xmlns:a16="http://schemas.microsoft.com/office/drawing/2014/main" id="{7F6BB2E5-674E-1170-5CFB-360762FDB1CD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41243"/>
            <a:ext cx="482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6/9 - 6/18</a:t>
            </a:r>
          </a:p>
        </p:txBody>
      </p:sp>
      <p:sp>
        <p:nvSpPr>
          <p:cNvPr id="104" name="OTLSHAPE_SLT_5236c86714b94efba4f77b707bfc335d_StartDate" hidden="1">
            <a:extLst>
              <a:ext uri="{FF2B5EF4-FFF2-40B4-BE49-F238E27FC236}">
                <a16:creationId xmlns:a16="http://schemas.microsoft.com/office/drawing/2014/main" id="{B1A4974A-221A-3625-0FBD-F75F74914966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105" name="OTLSHAPE_SLT_5236c86714b94efba4f77b707bfc335d_EndDate" hidden="1">
            <a:extLst>
              <a:ext uri="{FF2B5EF4-FFF2-40B4-BE49-F238E27FC236}">
                <a16:creationId xmlns:a16="http://schemas.microsoft.com/office/drawing/2014/main" id="{E08F01FE-2033-0A89-5B75-D226D1DF8AB6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113" name="OTLSHAPE_SLT_527334ec204541ca8607a8ef6ce47bed_Duration" hidden="1">
            <a:extLst>
              <a:ext uri="{FF2B5EF4-FFF2-40B4-BE49-F238E27FC236}">
                <a16:creationId xmlns:a16="http://schemas.microsoft.com/office/drawing/2014/main" id="{48240F1B-89D5-E935-C539-14BC3230411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120" name="OTLSHAPE_SLT_527334ec204541ca8607a8ef6ce47bed_TextPercentage" hidden="1">
            <a:extLst>
              <a:ext uri="{FF2B5EF4-FFF2-40B4-BE49-F238E27FC236}">
                <a16:creationId xmlns:a16="http://schemas.microsoft.com/office/drawing/2014/main" id="{E7548310-B2CF-47D7-5690-6B2F30C8FA5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527334ec204541ca8607a8ef6ce47bed_JoinedDate" hidden="1">
            <a:extLst>
              <a:ext uri="{FF2B5EF4-FFF2-40B4-BE49-F238E27FC236}">
                <a16:creationId xmlns:a16="http://schemas.microsoft.com/office/drawing/2014/main" id="{81917F60-5981-F342-02C8-2AB9C2F194C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02798"/>
            <a:ext cx="546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9/12 - 10/7</a:t>
            </a:r>
          </a:p>
        </p:txBody>
      </p:sp>
      <p:sp>
        <p:nvSpPr>
          <p:cNvPr id="128" name="OTLSHAPE_SLT_527334ec204541ca8607a8ef6ce47bed_StartDate" hidden="1">
            <a:extLst>
              <a:ext uri="{FF2B5EF4-FFF2-40B4-BE49-F238E27FC236}">
                <a16:creationId xmlns:a16="http://schemas.microsoft.com/office/drawing/2014/main" id="{04E25F7E-D6BB-A4A4-2981-789FE6C45A55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129" name="OTLSHAPE_SLT_527334ec204541ca8607a8ef6ce47bed_EndDate" hidden="1">
            <a:extLst>
              <a:ext uri="{FF2B5EF4-FFF2-40B4-BE49-F238E27FC236}">
                <a16:creationId xmlns:a16="http://schemas.microsoft.com/office/drawing/2014/main" id="{9B47CC1F-6287-70BB-1CBF-B5B76DEAFF50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137" name="OTLSHAPE_SLT_2797adfe8ea640669ce7072778afe28a_Duration" hidden="1">
            <a:extLst>
              <a:ext uri="{FF2B5EF4-FFF2-40B4-BE49-F238E27FC236}">
                <a16:creationId xmlns:a16="http://schemas.microsoft.com/office/drawing/2014/main" id="{1262A1DB-5FB0-30C2-67F1-607F10044F0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144" name="OTLSHAPE_SLT_2797adfe8ea640669ce7072778afe28a_TextPercentage" hidden="1">
            <a:extLst>
              <a:ext uri="{FF2B5EF4-FFF2-40B4-BE49-F238E27FC236}">
                <a16:creationId xmlns:a16="http://schemas.microsoft.com/office/drawing/2014/main" id="{5A0BD80A-CC4A-EB54-170E-91FC7076587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2797adfe8ea640669ce7072778afe28a_JoinedDate" hidden="1">
            <a:extLst>
              <a:ext uri="{FF2B5EF4-FFF2-40B4-BE49-F238E27FC236}">
                <a16:creationId xmlns:a16="http://schemas.microsoft.com/office/drawing/2014/main" id="{FBBD0B49-79BF-4FEF-F5E1-5961B15ADDF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341243"/>
            <a:ext cx="482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7/10 - 8/4</a:t>
            </a:r>
          </a:p>
        </p:txBody>
      </p:sp>
      <p:sp>
        <p:nvSpPr>
          <p:cNvPr id="152" name="OTLSHAPE_SLT_2797adfe8ea640669ce7072778afe28a_StartDate" hidden="1">
            <a:extLst>
              <a:ext uri="{FF2B5EF4-FFF2-40B4-BE49-F238E27FC236}">
                <a16:creationId xmlns:a16="http://schemas.microsoft.com/office/drawing/2014/main" id="{43B2C5E8-4E56-1864-9C5F-4EEB3C038D50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153" name="OTLSHAPE_SLT_2797adfe8ea640669ce7072778afe28a_EndDate" hidden="1">
            <a:extLst>
              <a:ext uri="{FF2B5EF4-FFF2-40B4-BE49-F238E27FC236}">
                <a16:creationId xmlns:a16="http://schemas.microsoft.com/office/drawing/2014/main" id="{DDE5DBF4-6346-11D0-7618-98E9004552B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176" name="OTLSHAPE_SLT_a81bc5b2d6244c53bab757946dd58df4_Duration" hidden="1">
            <a:extLst>
              <a:ext uri="{FF2B5EF4-FFF2-40B4-BE49-F238E27FC236}">
                <a16:creationId xmlns:a16="http://schemas.microsoft.com/office/drawing/2014/main" id="{9DAFD17C-DC9E-B1FA-1263-B15634E5913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177" name="OTLSHAPE_SLT_a81bc5b2d6244c53bab757946dd58df4_TextPercentage" hidden="1">
            <a:extLst>
              <a:ext uri="{FF2B5EF4-FFF2-40B4-BE49-F238E27FC236}">
                <a16:creationId xmlns:a16="http://schemas.microsoft.com/office/drawing/2014/main" id="{DD556207-2C17-01BB-5147-305398148E9E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a81bc5b2d6244c53bab757946dd58df4_JoinedDate" hidden="1">
            <a:extLst>
              <a:ext uri="{FF2B5EF4-FFF2-40B4-BE49-F238E27FC236}">
                <a16:creationId xmlns:a16="http://schemas.microsoft.com/office/drawing/2014/main" id="{86FD9B36-451C-A908-5116-0DE61CD5FD4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279687"/>
            <a:ext cx="431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8/9 - 9/5</a:t>
            </a:r>
          </a:p>
        </p:txBody>
      </p:sp>
      <p:sp>
        <p:nvSpPr>
          <p:cNvPr id="179" name="OTLSHAPE_SLT_a81bc5b2d6244c53bab757946dd58df4_StartDate" hidden="1">
            <a:extLst>
              <a:ext uri="{FF2B5EF4-FFF2-40B4-BE49-F238E27FC236}">
                <a16:creationId xmlns:a16="http://schemas.microsoft.com/office/drawing/2014/main" id="{0484736F-BB7F-7C9F-3D3A-BAC64244DC65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184" name="OTLSHAPE_SLT_a81bc5b2d6244c53bab757946dd58df4_EndDate" hidden="1">
            <a:extLst>
              <a:ext uri="{FF2B5EF4-FFF2-40B4-BE49-F238E27FC236}">
                <a16:creationId xmlns:a16="http://schemas.microsoft.com/office/drawing/2014/main" id="{B5A90CCA-B789-5667-5224-ADAF8464AB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186" name="OTLSHAPE_SLT_aaaeaebd5fd54cbf99301004fbcd47b3_Duration" hidden="1">
            <a:extLst>
              <a:ext uri="{FF2B5EF4-FFF2-40B4-BE49-F238E27FC236}">
                <a16:creationId xmlns:a16="http://schemas.microsoft.com/office/drawing/2014/main" id="{24EE08BE-9620-1862-642B-0623A583406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9 days</a:t>
            </a:r>
          </a:p>
        </p:txBody>
      </p:sp>
      <p:sp>
        <p:nvSpPr>
          <p:cNvPr id="187" name="OTLSHAPE_SLT_aaaeaebd5fd54cbf99301004fbcd47b3_TextPercentage" hidden="1">
            <a:extLst>
              <a:ext uri="{FF2B5EF4-FFF2-40B4-BE49-F238E27FC236}">
                <a16:creationId xmlns:a16="http://schemas.microsoft.com/office/drawing/2014/main" id="{F680C7B5-2A3D-9B2C-55A1-9C5A0E8C63AB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aaaeaebd5fd54cbf99301004fbcd47b3_JoinedDate" hidden="1">
            <a:extLst>
              <a:ext uri="{FF2B5EF4-FFF2-40B4-BE49-F238E27FC236}">
                <a16:creationId xmlns:a16="http://schemas.microsoft.com/office/drawing/2014/main" id="{6B000E26-86D8-2226-D28B-094992F29A3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464353"/>
            <a:ext cx="596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10/15 - 11/8</a:t>
            </a:r>
          </a:p>
        </p:txBody>
      </p:sp>
      <p:sp>
        <p:nvSpPr>
          <p:cNvPr id="195" name="OTLSHAPE_SLT_aaaeaebd5fd54cbf99301004fbcd47b3_StartDate" hidden="1">
            <a:extLst>
              <a:ext uri="{FF2B5EF4-FFF2-40B4-BE49-F238E27FC236}">
                <a16:creationId xmlns:a16="http://schemas.microsoft.com/office/drawing/2014/main" id="{1ADC2B64-73AF-F32A-77A4-777F0BFBEC2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02" name="OTLSHAPE_SLT_aaaeaebd5fd54cbf99301004fbcd47b3_EndDate" hidden="1">
            <a:extLst>
              <a:ext uri="{FF2B5EF4-FFF2-40B4-BE49-F238E27FC236}">
                <a16:creationId xmlns:a16="http://schemas.microsoft.com/office/drawing/2014/main" id="{2236A5E4-9A7A-9A49-CCCF-6DE5B560ECB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56" name="OTLSHAPE_SLT_ef8a62a4b415467c864114c20f3f4a2e_Duration" hidden="1">
            <a:extLst>
              <a:ext uri="{FF2B5EF4-FFF2-40B4-BE49-F238E27FC236}">
                <a16:creationId xmlns:a16="http://schemas.microsoft.com/office/drawing/2014/main" id="{4DB03AF0-319B-9CEA-F51F-11293073D972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57" name="OTLSHAPE_SLT_ef8a62a4b415467c864114c20f3f4a2e_TextPercentage" hidden="1">
            <a:extLst>
              <a:ext uri="{FF2B5EF4-FFF2-40B4-BE49-F238E27FC236}">
                <a16:creationId xmlns:a16="http://schemas.microsoft.com/office/drawing/2014/main" id="{E6E574A0-F882-1F16-7E72-E1479A341E66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SLT_ef8a62a4b415467c864114c20f3f4a2e_JoinedDate" hidden="1">
            <a:extLst>
              <a:ext uri="{FF2B5EF4-FFF2-40B4-BE49-F238E27FC236}">
                <a16:creationId xmlns:a16="http://schemas.microsoft.com/office/drawing/2014/main" id="{2F75A42A-FCEE-1D62-2569-D6FAC9CDA5A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525909"/>
            <a:ext cx="660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11/29 - 12/19</a:t>
            </a:r>
          </a:p>
        </p:txBody>
      </p:sp>
      <p:sp>
        <p:nvSpPr>
          <p:cNvPr id="259" name="OTLSHAPE_SLT_ef8a62a4b415467c864114c20f3f4a2e_StartDate" hidden="1">
            <a:extLst>
              <a:ext uri="{FF2B5EF4-FFF2-40B4-BE49-F238E27FC236}">
                <a16:creationId xmlns:a16="http://schemas.microsoft.com/office/drawing/2014/main" id="{B9E014EE-1E88-79E8-9E02-A3B73A8B78C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60" name="OTLSHAPE_SLT_ef8a62a4b415467c864114c20f3f4a2e_EndDate" hidden="1">
            <a:extLst>
              <a:ext uri="{FF2B5EF4-FFF2-40B4-BE49-F238E27FC236}">
                <a16:creationId xmlns:a16="http://schemas.microsoft.com/office/drawing/2014/main" id="{B57ECA58-A10E-BF4F-680A-F627CD258937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62" name="OTLSHAPE_SLT_17de39148d8f4290b0ed6a996e676c91_Duration" hidden="1">
            <a:extLst>
              <a:ext uri="{FF2B5EF4-FFF2-40B4-BE49-F238E27FC236}">
                <a16:creationId xmlns:a16="http://schemas.microsoft.com/office/drawing/2014/main" id="{8633E8C7-B865-575C-AA99-3D51FDDFF85E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263" name="OTLSHAPE_SLT_17de39148d8f4290b0ed6a996e676c91_TextPercentage" hidden="1">
            <a:extLst>
              <a:ext uri="{FF2B5EF4-FFF2-40B4-BE49-F238E27FC236}">
                <a16:creationId xmlns:a16="http://schemas.microsoft.com/office/drawing/2014/main" id="{3493C29C-FB5F-DBD1-7CAB-FE0DA4E8A8C2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4" name="OTLSHAPE_SLT_17de39148d8f4290b0ed6a996e676c91_JoinedDate" hidden="1">
            <a:extLst>
              <a:ext uri="{FF2B5EF4-FFF2-40B4-BE49-F238E27FC236}">
                <a16:creationId xmlns:a16="http://schemas.microsoft.com/office/drawing/2014/main" id="{E6DD156A-2358-62A4-10E1-1CDCB0D8E8CB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402798"/>
            <a:ext cx="546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8/12 - 9/27</a:t>
            </a:r>
          </a:p>
        </p:txBody>
      </p:sp>
      <p:sp>
        <p:nvSpPr>
          <p:cNvPr id="265" name="OTLSHAPE_SLT_17de39148d8f4290b0ed6a996e676c91_StartDate" hidden="1">
            <a:extLst>
              <a:ext uri="{FF2B5EF4-FFF2-40B4-BE49-F238E27FC236}">
                <a16:creationId xmlns:a16="http://schemas.microsoft.com/office/drawing/2014/main" id="{58C80AF4-BFA7-9E04-7F8D-47BBFCE60AC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66" name="OTLSHAPE_SLT_17de39148d8f4290b0ed6a996e676c91_EndDate" hidden="1">
            <a:extLst>
              <a:ext uri="{FF2B5EF4-FFF2-40B4-BE49-F238E27FC236}">
                <a16:creationId xmlns:a16="http://schemas.microsoft.com/office/drawing/2014/main" id="{229F23E7-AA5F-ECF5-5F4D-F9981F060C33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68" name="OTLSHAPE_SLT_8049673626d64f0688c7d1c9e0950227_Duration" hidden="1">
            <a:extLst>
              <a:ext uri="{FF2B5EF4-FFF2-40B4-BE49-F238E27FC236}">
                <a16:creationId xmlns:a16="http://schemas.microsoft.com/office/drawing/2014/main" id="{D0BF9740-1925-2110-9933-D1DEEC717B18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69" name="OTLSHAPE_SLT_8049673626d64f0688c7d1c9e0950227_TextPercentage" hidden="1">
            <a:extLst>
              <a:ext uri="{FF2B5EF4-FFF2-40B4-BE49-F238E27FC236}">
                <a16:creationId xmlns:a16="http://schemas.microsoft.com/office/drawing/2014/main" id="{159060D4-57EE-0529-EFFE-473388D218B1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0" name="OTLSHAPE_SLT_8049673626d64f0688c7d1c9e0950227_JoinedDate" hidden="1">
            <a:extLst>
              <a:ext uri="{FF2B5EF4-FFF2-40B4-BE49-F238E27FC236}">
                <a16:creationId xmlns:a16="http://schemas.microsoft.com/office/drawing/2014/main" id="{E0187EE5-D191-6BDB-7065-969718752DBD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64353"/>
            <a:ext cx="596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11/8 - 11/28</a:t>
            </a:r>
          </a:p>
        </p:txBody>
      </p:sp>
      <p:sp>
        <p:nvSpPr>
          <p:cNvPr id="271" name="OTLSHAPE_SLT_8049673626d64f0688c7d1c9e0950227_StartDate" hidden="1">
            <a:extLst>
              <a:ext uri="{FF2B5EF4-FFF2-40B4-BE49-F238E27FC236}">
                <a16:creationId xmlns:a16="http://schemas.microsoft.com/office/drawing/2014/main" id="{A2F9B49F-699D-1DF6-F83E-D2695DAE95F5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72" name="OTLSHAPE_SLT_8049673626d64f0688c7d1c9e0950227_EndDate" hidden="1">
            <a:extLst>
              <a:ext uri="{FF2B5EF4-FFF2-40B4-BE49-F238E27FC236}">
                <a16:creationId xmlns:a16="http://schemas.microsoft.com/office/drawing/2014/main" id="{78F04CC1-CC7C-5F03-0F72-114E87E36B9F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74" name="OTLSHAPE_SLT_6091f48bfcf84164b3b8bc1e192728ea_Duration" hidden="1">
            <a:extLst>
              <a:ext uri="{FF2B5EF4-FFF2-40B4-BE49-F238E27FC236}">
                <a16:creationId xmlns:a16="http://schemas.microsoft.com/office/drawing/2014/main" id="{DEC37A33-A61B-774D-30BF-44137098BBD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8 days</a:t>
            </a:r>
          </a:p>
        </p:txBody>
      </p:sp>
      <p:sp>
        <p:nvSpPr>
          <p:cNvPr id="275" name="OTLSHAPE_SLT_6091f48bfcf84164b3b8bc1e192728ea_TextPercentage" hidden="1">
            <a:extLst>
              <a:ext uri="{FF2B5EF4-FFF2-40B4-BE49-F238E27FC236}">
                <a16:creationId xmlns:a16="http://schemas.microsoft.com/office/drawing/2014/main" id="{3AAC4D20-9CD4-2898-E665-08C396846B45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SLT_6091f48bfcf84164b3b8bc1e192728ea_JoinedDate" hidden="1">
            <a:extLst>
              <a:ext uri="{FF2B5EF4-FFF2-40B4-BE49-F238E27FC236}">
                <a16:creationId xmlns:a16="http://schemas.microsoft.com/office/drawing/2014/main" id="{6E14CA3B-AD8E-D570-1C87-0198DA4841EE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402798"/>
            <a:ext cx="546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8/28 - 10/5</a:t>
            </a:r>
          </a:p>
        </p:txBody>
      </p:sp>
      <p:sp>
        <p:nvSpPr>
          <p:cNvPr id="277" name="OTLSHAPE_SLT_6091f48bfcf84164b3b8bc1e192728ea_StartDate" hidden="1">
            <a:extLst>
              <a:ext uri="{FF2B5EF4-FFF2-40B4-BE49-F238E27FC236}">
                <a16:creationId xmlns:a16="http://schemas.microsoft.com/office/drawing/2014/main" id="{66341D23-80DC-0C03-948C-C7605D9F9D5E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78" name="OTLSHAPE_SLT_6091f48bfcf84164b3b8bc1e192728ea_EndDate" hidden="1">
            <a:extLst>
              <a:ext uri="{FF2B5EF4-FFF2-40B4-BE49-F238E27FC236}">
                <a16:creationId xmlns:a16="http://schemas.microsoft.com/office/drawing/2014/main" id="{EE9DE808-4DAC-B055-7AD5-F7E78761C997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83" name="OTLSHAPE_SLT_3de6411f31bc48a3b62da63111c09dac_Duration" hidden="1">
            <a:extLst>
              <a:ext uri="{FF2B5EF4-FFF2-40B4-BE49-F238E27FC236}">
                <a16:creationId xmlns:a16="http://schemas.microsoft.com/office/drawing/2014/main" id="{9B04D7FE-E8E1-EB28-E929-0D41709D3B0E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284" name="OTLSHAPE_SLT_3de6411f31bc48a3b62da63111c09dac_TextPercentage" hidden="1">
            <a:extLst>
              <a:ext uri="{FF2B5EF4-FFF2-40B4-BE49-F238E27FC236}">
                <a16:creationId xmlns:a16="http://schemas.microsoft.com/office/drawing/2014/main" id="{88D87FDB-04F0-59A5-B43A-A7C316CE2A5F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SLT_3de6411f31bc48a3b62da63111c09dac_JoinedDate" hidden="1">
            <a:extLst>
              <a:ext uri="{FF2B5EF4-FFF2-40B4-BE49-F238E27FC236}">
                <a16:creationId xmlns:a16="http://schemas.microsoft.com/office/drawing/2014/main" id="{B52927DE-0EC3-4A0C-CA40-34A351535A7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464353"/>
            <a:ext cx="596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12/21 - 1/18</a:t>
            </a:r>
          </a:p>
        </p:txBody>
      </p:sp>
      <p:sp>
        <p:nvSpPr>
          <p:cNvPr id="286" name="OTLSHAPE_SLT_3de6411f31bc48a3b62da63111c09dac_StartDate" hidden="1">
            <a:extLst>
              <a:ext uri="{FF2B5EF4-FFF2-40B4-BE49-F238E27FC236}">
                <a16:creationId xmlns:a16="http://schemas.microsoft.com/office/drawing/2014/main" id="{2AB63706-4F10-CB74-14C1-A415297F9185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87" name="OTLSHAPE_SLT_3de6411f31bc48a3b62da63111c09dac_EndDate" hidden="1">
            <a:extLst>
              <a:ext uri="{FF2B5EF4-FFF2-40B4-BE49-F238E27FC236}">
                <a16:creationId xmlns:a16="http://schemas.microsoft.com/office/drawing/2014/main" id="{1A4672C2-A5F8-96FB-A0B3-D9AB3A4EE421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89" name="OTLSHAPE_SLT_a65afaae7e864c1689827d45996b77c0_Duration" hidden="1">
            <a:extLst>
              <a:ext uri="{FF2B5EF4-FFF2-40B4-BE49-F238E27FC236}">
                <a16:creationId xmlns:a16="http://schemas.microsoft.com/office/drawing/2014/main" id="{0033C6E8-4163-5255-0E43-723E3D37E4EA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290" name="OTLSHAPE_SLT_a65afaae7e864c1689827d45996b77c0_TextPercentage" hidden="1">
            <a:extLst>
              <a:ext uri="{FF2B5EF4-FFF2-40B4-BE49-F238E27FC236}">
                <a16:creationId xmlns:a16="http://schemas.microsoft.com/office/drawing/2014/main" id="{06049AC6-4089-679E-3097-AD86A1FE3F84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91" name="OTLSHAPE_SLT_a65afaae7e864c1689827d45996b77c0_JoinedDate" hidden="1">
            <a:extLst>
              <a:ext uri="{FF2B5EF4-FFF2-40B4-BE49-F238E27FC236}">
                <a16:creationId xmlns:a16="http://schemas.microsoft.com/office/drawing/2014/main" id="{55CF9383-AC81-0D8B-A9A8-E6360BB7F7A4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464353"/>
            <a:ext cx="596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12/24 - 1/20</a:t>
            </a:r>
          </a:p>
        </p:txBody>
      </p:sp>
      <p:sp>
        <p:nvSpPr>
          <p:cNvPr id="292" name="OTLSHAPE_SLT_a65afaae7e864c1689827d45996b77c0_StartDate" hidden="1">
            <a:extLst>
              <a:ext uri="{FF2B5EF4-FFF2-40B4-BE49-F238E27FC236}">
                <a16:creationId xmlns:a16="http://schemas.microsoft.com/office/drawing/2014/main" id="{D533A1BF-B92A-FFFE-3FFD-331D019D1E12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93" name="OTLSHAPE_SLT_a65afaae7e864c1689827d45996b77c0_EndDate" hidden="1">
            <a:extLst>
              <a:ext uri="{FF2B5EF4-FFF2-40B4-BE49-F238E27FC236}">
                <a16:creationId xmlns:a16="http://schemas.microsoft.com/office/drawing/2014/main" id="{46CBDD80-6F2B-7F92-4EA6-794D6493F2E9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298" name="OTLSHAPE_SLT_d9a9cd98230d4b9b8308d6e96e365d4a_Duration" hidden="1">
            <a:extLst>
              <a:ext uri="{FF2B5EF4-FFF2-40B4-BE49-F238E27FC236}">
                <a16:creationId xmlns:a16="http://schemas.microsoft.com/office/drawing/2014/main" id="{61CA7A10-C0EA-B0AB-E1A2-73C50244A0B5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299" name="OTLSHAPE_SLT_d9a9cd98230d4b9b8308d6e96e365d4a_TextPercentage" hidden="1">
            <a:extLst>
              <a:ext uri="{FF2B5EF4-FFF2-40B4-BE49-F238E27FC236}">
                <a16:creationId xmlns:a16="http://schemas.microsoft.com/office/drawing/2014/main" id="{FA5CBEFF-C1BD-3D2A-3534-26D90B875B1C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SLT_d9a9cd98230d4b9b8308d6e96e365d4a_JoinedDate" hidden="1">
            <a:extLst>
              <a:ext uri="{FF2B5EF4-FFF2-40B4-BE49-F238E27FC236}">
                <a16:creationId xmlns:a16="http://schemas.microsoft.com/office/drawing/2014/main" id="{E1EDE5EA-07D3-E1D1-981A-77F98E1770CC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-402798"/>
            <a:ext cx="546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1/21 - 2/17</a:t>
            </a:r>
          </a:p>
        </p:txBody>
      </p:sp>
      <p:sp>
        <p:nvSpPr>
          <p:cNvPr id="301" name="OTLSHAPE_SLT_d9a9cd98230d4b9b8308d6e96e365d4a_StartDate" hidden="1">
            <a:extLst>
              <a:ext uri="{FF2B5EF4-FFF2-40B4-BE49-F238E27FC236}">
                <a16:creationId xmlns:a16="http://schemas.microsoft.com/office/drawing/2014/main" id="{C7B6A63E-787C-0B3F-2C8D-DFEE98201DD1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302" name="OTLSHAPE_SLT_d9a9cd98230d4b9b8308d6e96e365d4a_EndDate" hidden="1">
            <a:extLst>
              <a:ext uri="{FF2B5EF4-FFF2-40B4-BE49-F238E27FC236}">
                <a16:creationId xmlns:a16="http://schemas.microsoft.com/office/drawing/2014/main" id="{28A25A6E-2B0B-F400-6EB6-83A6428BEFA1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304" name="OTLSHAPE_SLT_6ca51be5ed1b4aa4b446f0e3e91c14d6_Duration" hidden="1">
            <a:extLst>
              <a:ext uri="{FF2B5EF4-FFF2-40B4-BE49-F238E27FC236}">
                <a16:creationId xmlns:a16="http://schemas.microsoft.com/office/drawing/2014/main" id="{97678E44-815E-8175-6EBF-9325250BBE89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305" name="OTLSHAPE_SLT_6ca51be5ed1b4aa4b446f0e3e91c14d6_TextPercentage" hidden="1">
            <a:extLst>
              <a:ext uri="{FF2B5EF4-FFF2-40B4-BE49-F238E27FC236}">
                <a16:creationId xmlns:a16="http://schemas.microsoft.com/office/drawing/2014/main" id="{0115A440-7314-E780-DA32-61C749BFE6A6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06" name="OTLSHAPE_SLT_6ca51be5ed1b4aa4b446f0e3e91c14d6_JoinedDate" hidden="1">
            <a:extLst>
              <a:ext uri="{FF2B5EF4-FFF2-40B4-BE49-F238E27FC236}">
                <a16:creationId xmlns:a16="http://schemas.microsoft.com/office/drawing/2014/main" id="{7DF860CE-928E-3C4D-B9EE-92C42021F26C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402798"/>
            <a:ext cx="546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2/26 - 3/25</a:t>
            </a:r>
          </a:p>
        </p:txBody>
      </p:sp>
      <p:sp>
        <p:nvSpPr>
          <p:cNvPr id="307" name="OTLSHAPE_SLT_6ca51be5ed1b4aa4b446f0e3e91c14d6_StartDate" hidden="1">
            <a:extLst>
              <a:ext uri="{FF2B5EF4-FFF2-40B4-BE49-F238E27FC236}">
                <a16:creationId xmlns:a16="http://schemas.microsoft.com/office/drawing/2014/main" id="{1319768D-E338-A610-5D2B-9388229579E3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308" name="OTLSHAPE_SLT_6ca51be5ed1b4aa4b446f0e3e91c14d6_EndDate" hidden="1">
            <a:extLst>
              <a:ext uri="{FF2B5EF4-FFF2-40B4-BE49-F238E27FC236}">
                <a16:creationId xmlns:a16="http://schemas.microsoft.com/office/drawing/2014/main" id="{2110BD22-912B-D2DC-17CE-786213CB8C8E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310" name="OTLSHAPE_SLT_671150a6153e46d6b550b2090529b149_Duration" hidden="1">
            <a:extLst>
              <a:ext uri="{FF2B5EF4-FFF2-40B4-BE49-F238E27FC236}">
                <a16:creationId xmlns:a16="http://schemas.microsoft.com/office/drawing/2014/main" id="{0D5913F1-A239-870E-3119-B3DB6C4F21A0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311" name="OTLSHAPE_SLT_671150a6153e46d6b550b2090529b149_TextPercentage" hidden="1">
            <a:extLst>
              <a:ext uri="{FF2B5EF4-FFF2-40B4-BE49-F238E27FC236}">
                <a16:creationId xmlns:a16="http://schemas.microsoft.com/office/drawing/2014/main" id="{388C3EDC-313C-3BB2-0E16-C9197DCAF44B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12" name="OTLSHAPE_SLT_671150a6153e46d6b550b2090529b149_JoinedDate" hidden="1">
            <a:extLst>
              <a:ext uri="{FF2B5EF4-FFF2-40B4-BE49-F238E27FC236}">
                <a16:creationId xmlns:a16="http://schemas.microsoft.com/office/drawing/2014/main" id="{08BEB8B9-7067-6E1C-9366-4D6D422B090F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279687"/>
            <a:ext cx="431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1DA383"/>
                </a:solidFill>
                <a:latin typeface="Segoe UI" panose="020B0502040204020203" pitchFamily="34" charset="0"/>
              </a:rPr>
              <a:t>4/6 - 5/3</a:t>
            </a:r>
          </a:p>
        </p:txBody>
      </p:sp>
      <p:sp>
        <p:nvSpPr>
          <p:cNvPr id="313" name="OTLSHAPE_SLT_671150a6153e46d6b550b2090529b149_StartDate" hidden="1">
            <a:extLst>
              <a:ext uri="{FF2B5EF4-FFF2-40B4-BE49-F238E27FC236}">
                <a16:creationId xmlns:a16="http://schemas.microsoft.com/office/drawing/2014/main" id="{0CD0AE3E-D4A7-4A22-923B-967897636AA9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sp>
        <p:nvSpPr>
          <p:cNvPr id="314" name="OTLSHAPE_SLT_671150a6153e46d6b550b2090529b149_EndDate" hidden="1">
            <a:extLst>
              <a:ext uri="{FF2B5EF4-FFF2-40B4-BE49-F238E27FC236}">
                <a16:creationId xmlns:a16="http://schemas.microsoft.com/office/drawing/2014/main" id="{886735D8-9109-F2C5-6B9C-B9A2E0B38204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 b="1">
              <a:solidFill>
                <a:srgbClr val="1DA383"/>
              </a:solidFill>
              <a:latin typeface="Segoe UI" panose="020B0502040204020203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91F863DA-532D-D5BC-B3BB-263F2142F187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3003936" y="22631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124DB4EC-D52A-4BE3-7666-8DC254EF94AB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4398345" y="22631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18816AC2-5F45-F4D4-8F35-F7924786240C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5792755" y="22631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5C20546-814A-0F43-6A92-41EA59FF65FC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7210024" y="22631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9D7E2E93-2598-E82F-C15D-D6543BD4AAA6}"/>
              </a:ext>
            </a:extLst>
          </p:cNvPr>
          <p:cNvCxnSpPr/>
          <p:nvPr>
            <p:custDataLst>
              <p:tags r:id="rId180"/>
            </p:custDataLst>
          </p:nvPr>
        </p:nvCxnSpPr>
        <p:spPr>
          <a:xfrm>
            <a:off x="8558716" y="22631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B_00000000000000000000000000000000_Separator6">
            <a:extLst>
              <a:ext uri="{FF2B5EF4-FFF2-40B4-BE49-F238E27FC236}">
                <a16:creationId xmlns:a16="http://schemas.microsoft.com/office/drawing/2014/main" id="{368AEB42-E75B-35B3-034D-21C35414B5D3}"/>
              </a:ext>
            </a:extLst>
          </p:cNvPr>
          <p:cNvCxnSpPr/>
          <p:nvPr>
            <p:custDataLst>
              <p:tags r:id="rId181"/>
            </p:custDataLst>
          </p:nvPr>
        </p:nvCxnSpPr>
        <p:spPr>
          <a:xfrm>
            <a:off x="9953125" y="22631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MiddleSeparator1">
            <a:extLst>
              <a:ext uri="{FF2B5EF4-FFF2-40B4-BE49-F238E27FC236}">
                <a16:creationId xmlns:a16="http://schemas.microsoft.com/office/drawing/2014/main" id="{AE4A65E5-78D3-F932-F609-BCA92E9E45C5}"/>
              </a:ext>
            </a:extLst>
          </p:cNvPr>
          <p:cNvCxnSpPr/>
          <p:nvPr>
            <p:custDataLst>
              <p:tags r:id="rId182"/>
            </p:custDataLst>
          </p:nvPr>
        </p:nvCxnSpPr>
        <p:spPr>
          <a:xfrm>
            <a:off x="2295302" y="2455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MiddleSeparator2">
            <a:extLst>
              <a:ext uri="{FF2B5EF4-FFF2-40B4-BE49-F238E27FC236}">
                <a16:creationId xmlns:a16="http://schemas.microsoft.com/office/drawing/2014/main" id="{94D0CFBC-E73E-5B16-CB0E-370CE0913D5A}"/>
              </a:ext>
            </a:extLst>
          </p:cNvPr>
          <p:cNvCxnSpPr/>
          <p:nvPr>
            <p:custDataLst>
              <p:tags r:id="rId183"/>
            </p:custDataLst>
          </p:nvPr>
        </p:nvCxnSpPr>
        <p:spPr>
          <a:xfrm>
            <a:off x="4398345" y="2455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3">
            <a:extLst>
              <a:ext uri="{FF2B5EF4-FFF2-40B4-BE49-F238E27FC236}">
                <a16:creationId xmlns:a16="http://schemas.microsoft.com/office/drawing/2014/main" id="{7D16C246-CC0F-5BCD-86E2-738A8EC3D27B}"/>
              </a:ext>
            </a:extLst>
          </p:cNvPr>
          <p:cNvCxnSpPr/>
          <p:nvPr>
            <p:custDataLst>
              <p:tags r:id="rId184"/>
            </p:custDataLst>
          </p:nvPr>
        </p:nvCxnSpPr>
        <p:spPr>
          <a:xfrm>
            <a:off x="6501390" y="2455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B_00000000000000000000000000000000_MiddleSeparator4">
            <a:extLst>
              <a:ext uri="{FF2B5EF4-FFF2-40B4-BE49-F238E27FC236}">
                <a16:creationId xmlns:a16="http://schemas.microsoft.com/office/drawing/2014/main" id="{2B7322D9-FA52-B450-98C5-12EA5DA887F3}"/>
              </a:ext>
            </a:extLst>
          </p:cNvPr>
          <p:cNvCxnSpPr/>
          <p:nvPr>
            <p:custDataLst>
              <p:tags r:id="rId185"/>
            </p:custDataLst>
          </p:nvPr>
        </p:nvCxnSpPr>
        <p:spPr>
          <a:xfrm>
            <a:off x="8558716" y="2455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" name="OTLSHAPE_TB_00000000000000000000000000000000_MiddleSeparator5">
            <a:extLst>
              <a:ext uri="{FF2B5EF4-FFF2-40B4-BE49-F238E27FC236}">
                <a16:creationId xmlns:a16="http://schemas.microsoft.com/office/drawing/2014/main" id="{685FD426-9044-0A19-0B6C-C72C9560969B}"/>
              </a:ext>
            </a:extLst>
          </p:cNvPr>
          <p:cNvCxnSpPr/>
          <p:nvPr>
            <p:custDataLst>
              <p:tags r:id="rId186"/>
            </p:custDataLst>
          </p:nvPr>
        </p:nvCxnSpPr>
        <p:spPr>
          <a:xfrm>
            <a:off x="10638900" y="24551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0" name="OTLSHAPE_M_21d582e3e8bb4c8cac3e5c33bfd2bfa6_Shape">
            <a:extLst>
              <a:ext uri="{FF2B5EF4-FFF2-40B4-BE49-F238E27FC236}">
                <a16:creationId xmlns:a16="http://schemas.microsoft.com/office/drawing/2014/main" id="{E89F2396-BC3C-DF56-6168-EADD9F70DE7A}"/>
              </a:ext>
            </a:extLst>
          </p:cNvPr>
          <p:cNvSpPr/>
          <p:nvPr>
            <p:custDataLst>
              <p:tags r:id="rId187"/>
            </p:custDataLst>
          </p:nvPr>
        </p:nvSpPr>
        <p:spPr>
          <a:xfrm>
            <a:off x="1541024" y="2072640"/>
            <a:ext cx="228600" cy="254000"/>
          </a:xfrm>
          <a:prstGeom prst="downArrow">
            <a:avLst/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M_20328788f7604097a023aeb0d5de53a1_Shape">
            <a:extLst>
              <a:ext uri="{FF2B5EF4-FFF2-40B4-BE49-F238E27FC236}">
                <a16:creationId xmlns:a16="http://schemas.microsoft.com/office/drawing/2014/main" id="{FEF6FCC5-4CF9-BA3E-D73C-2BE24CC801E2}"/>
              </a:ext>
            </a:extLst>
          </p:cNvPr>
          <p:cNvSpPr/>
          <p:nvPr>
            <p:custDataLst>
              <p:tags r:id="rId188"/>
            </p:custDataLst>
          </p:nvPr>
        </p:nvSpPr>
        <p:spPr>
          <a:xfrm>
            <a:off x="2981359" y="2072640"/>
            <a:ext cx="228600" cy="254000"/>
          </a:xfrm>
          <a:prstGeom prst="downArrow">
            <a:avLst/>
          </a:prstGeom>
          <a:solidFill>
            <a:srgbClr val="418AB3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M_23ed58b248994f41bec046136987c44a_Shape">
            <a:extLst>
              <a:ext uri="{FF2B5EF4-FFF2-40B4-BE49-F238E27FC236}">
                <a16:creationId xmlns:a16="http://schemas.microsoft.com/office/drawing/2014/main" id="{66787F65-962A-C2B4-3C15-0E3FD88E52CF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>
            <a:off x="4626918" y="2072640"/>
            <a:ext cx="228600" cy="254000"/>
          </a:xfrm>
          <a:prstGeom prst="downArrow">
            <a:avLst/>
          </a:prstGeom>
          <a:solidFill>
            <a:srgbClr val="A7B824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M_07af9f56b58f4b1583dcb84bbe338cec_Shape">
            <a:extLst>
              <a:ext uri="{FF2B5EF4-FFF2-40B4-BE49-F238E27FC236}">
                <a16:creationId xmlns:a16="http://schemas.microsoft.com/office/drawing/2014/main" id="{893B24E9-1E1E-2363-E435-6EB712B15A7F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6135623" y="2072640"/>
            <a:ext cx="228600" cy="254000"/>
          </a:xfrm>
          <a:prstGeom prst="downArrow">
            <a:avLst/>
          </a:prstGeom>
          <a:solidFill>
            <a:srgbClr val="F69200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M_f0621d7917374756b962adb6122a27fa_Shape">
            <a:extLst>
              <a:ext uri="{FF2B5EF4-FFF2-40B4-BE49-F238E27FC236}">
                <a16:creationId xmlns:a16="http://schemas.microsoft.com/office/drawing/2014/main" id="{909FE430-D386-E749-5A6A-3608051E165E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>
            <a:off x="6867116" y="2072640"/>
            <a:ext cx="228600" cy="254000"/>
          </a:xfrm>
          <a:prstGeom prst="downArrow">
            <a:avLst/>
          </a:prstGeom>
          <a:solidFill>
            <a:srgbClr val="1DA383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" name="OTLSHAPE_M_08775e247f884074896650823e7637a9_Shape">
            <a:extLst>
              <a:ext uri="{FF2B5EF4-FFF2-40B4-BE49-F238E27FC236}">
                <a16:creationId xmlns:a16="http://schemas.microsoft.com/office/drawing/2014/main" id="{C41F68B4-B79E-6714-F706-3C2927D21D26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>
            <a:off x="9221612" y="2072640"/>
            <a:ext cx="228600" cy="254000"/>
          </a:xfrm>
          <a:prstGeom prst="downArrow">
            <a:avLst/>
          </a:prstGeom>
          <a:solidFill>
            <a:srgbClr val="1DA383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21d582e3e8bb4c8cac3e5c33bfd2bfa6_Title">
            <a:extLst>
              <a:ext uri="{FF2B5EF4-FFF2-40B4-BE49-F238E27FC236}">
                <a16:creationId xmlns:a16="http://schemas.microsoft.com/office/drawing/2014/main" id="{D366EB20-4785-6F57-F7BB-3D0DF0AF535E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049619" y="1675638"/>
            <a:ext cx="1219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Segoe UI Semibold" panose="020B0702040204020203" pitchFamily="34" charset="0"/>
              </a:rPr>
              <a:t>Define Objectives</a:t>
            </a:r>
          </a:p>
        </p:txBody>
      </p:sp>
      <p:sp>
        <p:nvSpPr>
          <p:cNvPr id="60" name="OTLSHAPE_M_21d582e3e8bb4c8cac3e5c33bfd2bfa6_Date">
            <a:extLst>
              <a:ext uri="{FF2B5EF4-FFF2-40B4-BE49-F238E27FC236}">
                <a16:creationId xmlns:a16="http://schemas.microsoft.com/office/drawing/2014/main" id="{90D3ADAD-1BE5-ED5C-FD7A-CE3971E59045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554105" y="1878330"/>
            <a:ext cx="203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8">
                <a:solidFill>
                  <a:srgbClr val="B20E12"/>
                </a:solidFill>
                <a:latin typeface="Segoe UI" panose="020B0502040204020203" pitchFamily="34" charset="0"/>
              </a:rPr>
              <a:t>6/3</a:t>
            </a:r>
            <a:endParaRPr lang="en-US" sz="1000" b="1" spc="-18" dirty="0">
              <a:solidFill>
                <a:srgbClr val="B20E12"/>
              </a:solidFill>
              <a:latin typeface="Segoe UI" panose="020B0502040204020203" pitchFamily="34" charset="0"/>
            </a:endParaRPr>
          </a:p>
        </p:txBody>
      </p:sp>
      <p:sp>
        <p:nvSpPr>
          <p:cNvPr id="62" name="OTLSHAPE_M_20328788f7604097a023aeb0d5de53a1_Title">
            <a:extLst>
              <a:ext uri="{FF2B5EF4-FFF2-40B4-BE49-F238E27FC236}">
                <a16:creationId xmlns:a16="http://schemas.microsoft.com/office/drawing/2014/main" id="{F6E5F858-678E-4E1B-9C99-B2A0F94C8031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2198404" y="1215136"/>
            <a:ext cx="1803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chemeClr val="dk1"/>
                </a:solidFill>
                <a:latin typeface="Segoe UI Semibold" panose="020B0702040204020203" pitchFamily="34" charset="0"/>
              </a:rPr>
              <a:t>Feasibility study complete</a:t>
            </a:r>
          </a:p>
        </p:txBody>
      </p:sp>
      <p:sp>
        <p:nvSpPr>
          <p:cNvPr id="63" name="OTLSHAPE_M_20328788f7604097a023aeb0d5de53a1_Date">
            <a:extLst>
              <a:ext uri="{FF2B5EF4-FFF2-40B4-BE49-F238E27FC236}">
                <a16:creationId xmlns:a16="http://schemas.microsoft.com/office/drawing/2014/main" id="{12EE2D7A-6ED6-CBB1-53EF-3DDCF491417F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2994440" y="1417828"/>
            <a:ext cx="1905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30" dirty="0">
                <a:solidFill>
                  <a:srgbClr val="B20E12"/>
                </a:solidFill>
                <a:latin typeface="Segoe UI" panose="020B0502040204020203" pitchFamily="34" charset="0"/>
              </a:rPr>
              <a:t>8/5</a:t>
            </a:r>
          </a:p>
        </p:txBody>
      </p:sp>
      <p:sp>
        <p:nvSpPr>
          <p:cNvPr id="65" name="OTLSHAPE_M_23ed58b248994f41bec046136987c44a_Title">
            <a:extLst>
              <a:ext uri="{FF2B5EF4-FFF2-40B4-BE49-F238E27FC236}">
                <a16:creationId xmlns:a16="http://schemas.microsoft.com/office/drawing/2014/main" id="{C1D6651E-22C3-8573-9248-88BAF0B900F3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3963321" y="1675638"/>
            <a:ext cx="15621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>
                <a:solidFill>
                  <a:schemeClr val="dk1"/>
                </a:solidFill>
                <a:latin typeface="Segoe UI Semibold" panose="020B0702040204020203" pitchFamily="34" charset="0"/>
              </a:rPr>
              <a:t>Pilot project execution</a:t>
            </a:r>
          </a:p>
        </p:txBody>
      </p:sp>
      <p:sp>
        <p:nvSpPr>
          <p:cNvPr id="66" name="OTLSHAPE_M_23ed58b248994f41bec046136987c44a_Date">
            <a:extLst>
              <a:ext uri="{FF2B5EF4-FFF2-40B4-BE49-F238E27FC236}">
                <a16:creationId xmlns:a16="http://schemas.microsoft.com/office/drawing/2014/main" id="{820A0F17-0CB7-7FB1-320F-DD955A9BF8CC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4566931" y="1878330"/>
            <a:ext cx="342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2">
                <a:solidFill>
                  <a:srgbClr val="B20E12"/>
                </a:solidFill>
                <a:latin typeface="Segoe UI" panose="020B0502040204020203" pitchFamily="34" charset="0"/>
              </a:rPr>
              <a:t>10/15</a:t>
            </a:r>
          </a:p>
        </p:txBody>
      </p:sp>
      <p:sp>
        <p:nvSpPr>
          <p:cNvPr id="68" name="OTLSHAPE_M_07af9f56b58f4b1583dcb84bbe338cec_Title">
            <a:extLst>
              <a:ext uri="{FF2B5EF4-FFF2-40B4-BE49-F238E27FC236}">
                <a16:creationId xmlns:a16="http://schemas.microsoft.com/office/drawing/2014/main" id="{C1DA5F0F-D1A7-AFAD-495F-E601EC7EC82A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5609335" y="1210022"/>
            <a:ext cx="12827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dirty="0">
                <a:solidFill>
                  <a:schemeClr val="dk1"/>
                </a:solidFill>
                <a:latin typeface="Segoe UI Semibold" panose="020B0702040204020203" pitchFamily="34" charset="0"/>
              </a:rPr>
              <a:t>Deploy AI solution</a:t>
            </a:r>
          </a:p>
        </p:txBody>
      </p:sp>
      <p:sp>
        <p:nvSpPr>
          <p:cNvPr id="69" name="OTLSHAPE_M_07af9f56b58f4b1583dcb84bbe338cec_Date">
            <a:extLst>
              <a:ext uri="{FF2B5EF4-FFF2-40B4-BE49-F238E27FC236}">
                <a16:creationId xmlns:a16="http://schemas.microsoft.com/office/drawing/2014/main" id="{6C56A760-5F02-4C79-B970-B2541C696D46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6075637" y="1412714"/>
            <a:ext cx="355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2">
                <a:solidFill>
                  <a:srgbClr val="B20E12"/>
                </a:solidFill>
                <a:latin typeface="Segoe UI" panose="020B0502040204020203" pitchFamily="34" charset="0"/>
              </a:rPr>
              <a:t>12/20</a:t>
            </a:r>
          </a:p>
        </p:txBody>
      </p:sp>
      <p:sp>
        <p:nvSpPr>
          <p:cNvPr id="71" name="OTLSHAPE_M_f0621d7917374756b962adb6122a27fa_Title">
            <a:extLst>
              <a:ext uri="{FF2B5EF4-FFF2-40B4-BE49-F238E27FC236}">
                <a16:creationId xmlns:a16="http://schemas.microsoft.com/office/drawing/2014/main" id="{A82634A1-10DC-95D7-5645-62FCD346BF89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5690504" y="1675638"/>
            <a:ext cx="259375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dirty="0">
                <a:solidFill>
                  <a:schemeClr val="dk1"/>
                </a:solidFill>
                <a:latin typeface="Segoe UI Semibold" panose="020B0702040204020203" pitchFamily="34" charset="0"/>
              </a:rPr>
              <a:t>Conduct post-implementation review</a:t>
            </a:r>
          </a:p>
        </p:txBody>
      </p:sp>
      <p:sp>
        <p:nvSpPr>
          <p:cNvPr id="72" name="OTLSHAPE_M_f0621d7917374756b962adb6122a27fa_Date">
            <a:extLst>
              <a:ext uri="{FF2B5EF4-FFF2-40B4-BE49-F238E27FC236}">
                <a16:creationId xmlns:a16="http://schemas.microsoft.com/office/drawing/2014/main" id="{A3F47280-095F-6870-3245-5CD7D185AE9D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6843664" y="1878330"/>
            <a:ext cx="279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>
                <a:solidFill>
                  <a:srgbClr val="B20E12"/>
                </a:solidFill>
                <a:latin typeface="Segoe UI" panose="020B0502040204020203" pitchFamily="34" charset="0"/>
              </a:rPr>
              <a:t>1/21</a:t>
            </a:r>
          </a:p>
        </p:txBody>
      </p:sp>
      <p:sp>
        <p:nvSpPr>
          <p:cNvPr id="181" name="OTLSHAPE_M_08775e247f884074896650823e7637a9_Title">
            <a:extLst>
              <a:ext uri="{FF2B5EF4-FFF2-40B4-BE49-F238E27FC236}">
                <a16:creationId xmlns:a16="http://schemas.microsoft.com/office/drawing/2014/main" id="{64317BAC-A5DE-0675-3D2F-A9628DBBAAA0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8818746" y="1675638"/>
            <a:ext cx="10414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>
                <a:solidFill>
                  <a:schemeClr val="dk1"/>
                </a:solidFill>
                <a:latin typeface="Segoe UI Semibold" panose="020B0702040204020203" pitchFamily="34" charset="0"/>
              </a:rPr>
              <a:t>Handover to IT</a:t>
            </a:r>
          </a:p>
        </p:txBody>
      </p:sp>
      <p:sp>
        <p:nvSpPr>
          <p:cNvPr id="182" name="OTLSHAPE_M_08775e247f884074896650823e7637a9_Date">
            <a:extLst>
              <a:ext uri="{FF2B5EF4-FFF2-40B4-BE49-F238E27FC236}">
                <a16:creationId xmlns:a16="http://schemas.microsoft.com/office/drawing/2014/main" id="{D4CAEB63-3111-A106-6A71-7D206A45C4F5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9234693" y="1878330"/>
            <a:ext cx="203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8">
                <a:solidFill>
                  <a:srgbClr val="B20E12"/>
                </a:solidFill>
                <a:latin typeface="Segoe UI" panose="020B0502040204020203" pitchFamily="34" charset="0"/>
              </a:rPr>
              <a:t>5/4</a:t>
            </a:r>
          </a:p>
        </p:txBody>
      </p:sp>
      <p:sp>
        <p:nvSpPr>
          <p:cNvPr id="248" name="TextBox 247">
            <a:extLst>
              <a:ext uri="{FF2B5EF4-FFF2-40B4-BE49-F238E27FC236}">
                <a16:creationId xmlns:a16="http://schemas.microsoft.com/office/drawing/2014/main" id="{F8E878B2-C2FA-FFD4-9022-25F6C2FDCD88}"/>
              </a:ext>
            </a:extLst>
          </p:cNvPr>
          <p:cNvSpPr txBox="1"/>
          <p:nvPr/>
        </p:nvSpPr>
        <p:spPr>
          <a:xfrm>
            <a:off x="3929356" y="281993"/>
            <a:ext cx="460056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latin typeface="+mj-lt"/>
              </a:rPr>
              <a:t>Executive report roadmap template</a:t>
            </a:r>
          </a:p>
        </p:txBody>
      </p:sp>
      <p:pic>
        <p:nvPicPr>
          <p:cNvPr id="250" name="Picture 249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EE434743-E979-13BB-CF6F-F1DA86693418}"/>
              </a:ext>
            </a:extLst>
          </p:cNvPr>
          <p:cNvPicPr>
            <a:picLocks noChangeAspect="1"/>
          </p:cNvPicPr>
          <p:nvPr/>
        </p:nvPicPr>
        <p:blipFill>
          <a:blip r:embed="rId20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08523" y="4430468"/>
            <a:ext cx="2322966" cy="3200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5319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2LTA0VDAwOjAwOjAwIiwiRW5kRGF0ZSI6IjIwMjQtMDYtMDRUMjM6NTk6MDAiLCJQZXJjZW50YWdlQ29tcGxldGUiOm51bGwsIlN0eWxlIjp7IiRpZCI6IjciLCJTaGFwZSI6NC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A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Y1LCJHIjoxMzgsIkIiOjE3OX19LCJJc1Zpc2libGUiOnRydWUsIldpZHRoIjowLjAsIkhlaWdodCI6MTAuMC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SwiRm9udE5hbWUiOiJTZWdvZSBVSSIsIklzQm9sZCI6dHJ1ZSwiSXNJdGFsaWMiOmZhbHNlLCJJc1VuZGVybGluZWQiOmZhbHNlLCJQYXJlbnRTdHlsZSI6bnVsbH0sIkF1dG9TaXplIjowLCJGb3JlZ3JvdW5kIjp7IiRpZCI6IjQyIiwiQ29sb3IiOnsiJGlkIjoiND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AsIkciOjAsIkIiOjB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OCwiRm9udE5hbWUiOiJTZWdvZSBVSSIsIklzQm9sZCI6dHJ1ZSwiSXNJdGFsaWMiOmZhbHNlLCJJc1VuZGVybGluZWQiOmZhbHNlLCJQYXJlbnRTdHlsZSI6bnVsbH0sIkF1dG9TaXplIjowLCJGb3JlZ3JvdW5kIjp7IiRpZCI6IjUxIiwiQ29sb3IiOnsiJGlkIjoiNTIiLCJBIjoyNTUsIlIiOjI5LCJHIjoxNjMsIkIiOjEzMX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CwiRyI6MCwiQiI6MH19LCJJc1Zpc2libGUiOnRydWUsIldpZHRoIjowLjAsIkhlaWdodCI6MC4wLCJCb3JkZXJTdHlsZSI6eyIkaWQiOiI1NyIsIkxpbmVDb2xvciI6bnVsbCwiTGluZVdlaWdodCI6MC4wLCJMaW5lVHlwZSI6MCwiUGFyZW50U3R5bGUiOm51bGx9LCJQYXJlbnRTdHlsZSI6bnVsbH0sIkRhdGVGb3JtYXQiOnsiJGlkIjoiNTg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bnVsbH0sIkF1dG9TaXplIjowLCJGb3JlZ3JvdW5kIjp7IiRpZCI6IjIwNyIsIkNvbG9yIjp7IiRpZCI6IjIw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MSIsIkZvcm1hdCI6MCwiSXNWaXNpYmxlIjpmYWxzZSwiTGFzdEtub3duVmlzaWJpbGl0eVN0YXRlIjpmYWxzZX0sIklzVmlzaWJsZSI6dHJ1ZSwiUGFyZW50U3R5bGUiOm51bGwsIl9leHBsaWNpdGx5U2V0Ijp7IiRpZCI6IjQx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AsIlIiOjI1NSwiRyI6MjU1LCJCIjoyNTV9fSwiSXNWaXNpYmxlIjp0cnVlLCJXaWR0aCI6MC4wLCJIZWlnaHQiOjAuMCwiQm9yZGVyU3R5bGUiOm51bGwsIlBhcmVudFN0eWxlIjpudWxsfSwiRGF0ZVN0eWxlIjp7IiRpZCI6IjQ2MyIsIkZvbnRTZXR0aW5ncyI6eyIkaWQiOiI0NjQiLCJGb250U2l6ZSI6MTAsIkZvbnROYW1lIjoiU2Vnb2UgVUkiLCJJc0JvbGQiOnRydWUsIklzSXRhbGljIjpmYWxzZSwiSXNVbmRlcmxpbmVkIjpmYWxzZSwiUGFyZW50U3R5bGUiOm51bGx9LCJBdXRvU2l6ZSI6MCwiRm9yZWdyb3VuZCI6eyIkaWQiOiI0NjUiLCJDb2xvciI6eyIkaWQiOiI0NjY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eyIkaWQiOiI3NjgiLCJDb2xvciI6eyIkaWQiOiI3NjkiLCJBIjowLCJSIjoyNTUsIkciOjI1NSwiQiI6MjU1fX0sIklzVmlzaWJsZSI6dHJ1ZSwiV2lkdGgiOjAuMCwiSGVpZ2h0IjowLjAsIkJvcmRlclN0eWxlIjp7IiRpZCI6Ijc3MCIsIkxpbmVDb2xvciI6bnVsbCwiTGluZVdlaWdodCI6MC4wLCJMaW5lVHlwZSI6MCwiUGFyZW50U3R5bGUiOm51bGx9LCJQYXJlbnRTdHlsZSI6bnVsbH0sIkRhdGVGb3JtYXQiOnsiJGlkIjoiNzcx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0IiwiRm9ybWF0IjowLCJJc1Zpc2libGUiOmZhbHNlLCJMYXN0S25vd25WaXNpYmlsaXR5U3RhdGUiOmZhbHNlfSwiSXNWaXNpYmxlIjp0cnVlLCJQYXJlbnRTdHlsZSI6bnVsbCwiX2V4cGxpY2l0bHlTZXQiOnsiJGlkIjoiOTg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Q0IiwiRm9ybWF0IjowLCJJc1Zpc2libGUiOmZhbHNlLCJMYXN0S25vd25WaXNpYmlsaXR5U3RhdGUiOmZhbHNlfSwiSXNWaXNpYmxlIjp0cnVlLCJQYXJlbnRTdHlsZSI6bnVsbCwiX2V4cGxpY2l0bHlTZXQiOnsiJGlkIjoiMTM0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zNzIiLCJUb3AiOjAuMCwiTGVmdCI6MC4wLCJSaWdodCI6MC4wLCJCb3R0b20iOjAuMH0sIlBhZGRpbmciOnsiJGlkIjoiMTM3MyIsIlRvcCI6MC4wLCJMZWZ0IjowLjAsIlJpZ2h0IjowLjAsIkJvdHRvbSI6MC4wfSwiQmFja2dyb3VuZCI6eyIkaWQiOiIxMzc0IiwiQ29sb3IiOnsiJGlkIjoiMTM3NSIsIkEiOjAsIlIiOjAsIkciOjAsIkIiOjB9fSwiSXNWaXNpYmxlIjp0cnVlLCJXaWR0aCI6MC4wLCJIZWlnaHQiOjAuMCwiQm9yZGVyU3R5bGUiOm51bGwsIlBhcmVudFN0eWxlIjpudWxsfSwiRGF0ZUZvcm1hdCI6eyIkaWQiOiIxMzc2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4IiwiRm9ybWF0IjowLCJJc1Zpc2libGUiOmZhbHNlLCJMYXN0S25vd25WaXNpYmlsaXR5U3RhdGUiOmZhbHNlfSwiSXNWaXNpYmxlIjp0cnVlLCJQYXJlbnRTdHlsZSI6bnVsbCwiX2V4cGxpY2l0bHlTZXQiOnsiJGlkIjoiMTc1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3MCIsIkZvcm1hdCI6MCwiSXNWaXNpYmxlIjpmYWxzZSwiTGFzdEtub3duVmlzaWJpbGl0eVN0YXRlIjpmYWxzZX0sIklzVmlzaWJsZSI6dHJ1ZSwiUGFyZW50U3R5bGUiOm51bGwsIl9leHBsaWNpdGx5U2V0Ijp7IiRpZCI6IjIwNz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ExLFwiRm9udE5hbWVcIjpcIkNhbGlicmlcIixcIklzQm9sZFwiOnRydWUsXCJJc0l0YWxpY1wiOmZhbHNlLFwiSXNVbmRlcmxpbmVkXCI6ZmFsc2V9LFwiQXV0b1NpemVcIjowLFwiRm9yZWdyb3VuZFwiOntcIiRpZFwiOlwiMTE3XCIsXCJDb2xvclwiOntcIiRpZFwiOlwiMTE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aWRcIjpcIjEyMlwiLFwiQVwiOjA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wLFwiUlwiOjAsXCJHXCI6MCxcIkJcIjowfX0sXCJJc1Zpc2libGVcIjp0cnVlLFwiV2lkdGhcIjowLjAsXCJIZWlnaHRcIjowLjAsXCJCb3JkZXJTdHlsZVwiOm51bGx9LFwiVGl0bGVQb3NpdGlvblwiOjIsXCJEYXRlUG9zaXRpb25cIjpcIkxlZnRcIixcIlNoYXBlVHlwZVwiOjI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zLjAsXCJIZWlnaHRcIjoxMy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EsXCJTaGFwZVRoaWNrbmVzc1wiOjAsXCJEdXJhdGlvbkZvcm1hdFwiOjA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E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yZWZcIjpcIjM2XCJ9fSxcIklzVmlzaWJsZVwiOnRydWUsXCJXaWR0aFwiOjAuMCxcIkhlaWdodFwiOjAuMCxcIkJvcmRlclN0eWxlXCI6bnVsbH0sXCJEYXRlU3R5bGVcIjp7XCIkaWRcIjpcIjE3NVwiLFwiRm9udFNldHRpbmdzXCI6e1wiJGlkXCI6XCIxNzZcIixcIkZvbnRTaXplXCI6MTAsXCJGb250TmFtZVwiOlwiQ2FsaWJyaVwiLFwiSXNCb2xkXCI6ZmFsc2UsXCJJc0l0YWxpY1wiOmZhbHNlLFwiSXNVbmRlcmxpbmVkXCI6ZmFsc2V9LFwiQXV0b1NpemVcIjowLFwiRm9yZWdyb3VuZFwiOntcIiRpZFwiOlwiMTc3XCIsXCJDb2xvclwiOntcIiRpZFwiOlwiMTc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zlcIixcIlRvcFwiOjAuMCxcIkxlZnRcIjowLjAsXCJSaWdodFwiOjAuMCxcIkJvdHRvbVwiOjAuMH0sXCJQYWRkaW5nXCI6e1wiJGlkXCI6XCIxODBcIixcIlRvcFwiOjAuMCxcIkxlZnRcIjowLjAsXCJSaWdodFwiOjAuMCxcIkJvdHRvbVwiOjAuMH0sXCJCYWNrZ3JvdW5kXCI6e1wiJGlkXCI6XCIxODFcIixcIkNvbG9yXCI6e1wiJHJlZlwiOlwiMzZcIn19LFwiSXNWaXNpYmxlXCI6dHJ1ZSxcIldpZHRoXCI6MC4wLFwiSGVpZ2h0XCI6MC4wLFwiQm9yZGVyU3R5bGVcIjpudWxsfSxcIkRhdGVGb3JtYXRcIjp7XCIkaWRcIjpcIjE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gzXCIsXCJIZWFkZXJTdHlsZVwiOntcIiRpZFwiOlwiMTg0XCIsXCJUZXh0U3R5bGVcIjp7XCIkaWRcIjpcIjE4NVwiLFwiRm9udFNldHRpbmdzXCI6e1wiJGlkXCI6XCIxODZcIixcIkZvbnRTaXplXCI6MTIsXCJGb250TmFtZVwiOlwiQ2FsaWJyaVwiLFwiSXNCb2xkXCI6ZmFsc2UsXCJJc0l0YWxpY1wiOmZhbHNlLFwiSXNVbmRlcmxpbmVkXCI6ZmFsc2V9LFwiQXV0b1NpemVcIjowLFwiRm9yZWdyb3VuZFwiOntcIiRpZFwiOlwiMTg3XCIsXCJDb2xvclwiOntcIiRpZFwiOlwiMTg4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xM1wiLFwiVG9wXCI6MC4wLFwiTGVmdFwiOjAuMCxcIlJpZ2h0XCI6MC4wLFwiQm90dG9tXCI6MC4wfSxcIlBhZGRpbmdcIjp7XCIkaWRcIjpcIjIxNFwiLFwiVG9wXCI6MC4wLFwiTGVmdFwiOjAuMCxcIlJpZ2h0XCI6MC4wLFwiQm90dG9tXCI6MC4wfSxcIkJhY2tncm91bmRcIjpudWxsLFwiSXNWaXNpYmxlXCI6dHJ1ZSxcIldpZHRoXCI6MC4wLFwiSGVpZ2h0XCI6MC4wLFwiQm9yZGVyU3R5bGVcIjpudWxsfSxcIlJlY3RhbmdsZVN0eWxlXCI6e1wiJGlkXCI6XCIyMTVcIi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nRydWUsXCJTZWdtZW50U2VwYXJhdG9yT3BhY2l0eVwiOjMwLFwiU2hhcGVcIjozLFwiU2VnbWVudFRleHRTdHlsZVwiOntcIiRpZFwiOlwiMjRcIixcIkZvbnRTZXR0aW5nc1wiOntcIiRpZFwiOlwiMjVcIixcIkZvbnRTaXplXCI6MTIsXCJGb250TmFtZVwiOlwiU2Vnb2UgVUkgQmxhY2t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AuMCxcIkxlZnRcIjowLjAsXCJSaWdodFwiOjAuMCxcIkJvdHRvbVwiOjAuMH0sXCJCYWNrZ3JvdW5kXCI6e1wiJGlkXCI6XCIzMVwiLFwiQ29sb3JcIjp7XCIkaWRcIjpcIjMyXCIsXCJBXCI6MjU1LFwiUlwiOjI0NixcIkdcIjoxNDYsXCJCXCI6MH19LFwiSXNWaXNpYmxlXCI6dHJ1ZSxcIldpZHRoXCI6ODU4LjAsXCJIZWlnaHRcIjoy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yLFwiSXNWaXNpYmxlXCI6ZmFsc2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Q3LFwiR1wiOjU0LFwiQlwiOjE1M319LFwiSXNWaXNpYmxlXCI6ZmFsc2UsXCJXaWR0aFwiOjAuMCxcIkhlaWdodFwiOjAuMCxcIkJvcmRlclN0eWxlXCI6bnVsbH0sXCJUYXNrU3R5bGVcIjp7XCIkaWRcIjpcIjQ0XCIsXCJTaGFwZVwiOjEsXCJTaGFwZVRoaWNrbmVzc1wiOjAsXCJEdXJhdGlvbkZvcm1hdFwiOjA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yxcIkVuZERhdGVQb3NpdGlvblwiOjMsXCJUaXRsZVBvc2l0aW9uXCI6NCxcIkR1cmF0aW9uUG9zaXRpb25cIjowLFwiUGVyY2VudGFnZUNvbXBsZXRlZFBvc2l0aW9uXCI6MC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2NSxcIkdcIjoxMzgsXCJCXCI6MTc5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xMSxcIklzQmVsb3dUaW1lYmFuZFwiOmZhbHNlLFwiU2hhcGVTaXplXCI6MSxcIlBhZGRpbmdcIjp7XCIkaWRcIjpcIjg1XCIsXCJUb3BcIjo1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NjUsXCJHXCI6MTM4LFwiQlwiOjE3OX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xLFwiU2hhcGVTaXplXCI6MSxcIkRldGFpbHNTcGFjaW5nXCI6MC4wLFwiUGFkZGluZ1wiOntcIiRpZFwiOlwiMTA2XCIsXCJUb3BcIjo1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2NSxcIkdcIjoxMzgsXCJCXCI6MTc5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2Y2IxNzQ3Mi1lMmNjLTQ5YmQtYmFhNi0yZjBhOWFiNTIyYzVcIixcIk5hbWVcIjpcIlN3aW1sYW5lIFN0eWxlIDFcIixcIkhlYWRlclN0eWxlXCI6e1wiJGlkXCI6XCIxMjdcIixcIlRleHRTdHlsZVwiOntcIiRpZFwiOlwiMTI4XCIsXCJGb250U2V0dGluZ3NcIjp7XCIkaWRcIjpcIjEyOVwiLFwiRm9udFNpemVcIjoxNCxcIkZvbnROYW1lXCI6XCJTZWdvZSBVSSBTZW1pYm9sZF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NjUsXCJHXCI6MTM4LFwiQlwiOjE3OX19LFwiSXNWaXNpYmxlXCI6dHJ1ZSxcIldpZHRoXCI6MC4wLFwiSGVpZ2h0XCI6MC4wLFwiQm9yZGVyU3R5bGVcIjp7XCIkaWRcIjpcIjEzN1wiLFwiTGluZVN0eWxlXCI6e1wiJGlkXCI6XCIxMzhcIixcIkxpbmVDb2xvclwiOntcIiRpZFwiOlwiMTM5XCIsXCJDb2xvclwiOntcIiRpZFwiOlwiMTQwXCIsXCJBXCI6MjU1LFwiUlwiOjI1NSxcIkdcIjoyNTUsXCJCXCI6MjU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NjUsXCJHXCI6MTM4LFwiQlwiOjE3OX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Mi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NjUsXCJHXCI6MTM4LFwiQlwiOjE3O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2NSxcIkdcIjoxMzgsXCJCXCI6MTc5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i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EsXCJHXCI6OTYsXCJCXCI6MTMwfX0sXCJJc1Zpc2libGVcIjp0cnVlLFwiV2lkdGhcIjoxMy4wLFwiSGVpZ2h0XCI6MTM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w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CxcIkVuZERhdGVQb3NpdGlvblwiOjAsXCJUaXRsZVBvc2l0aW9uXCI6NCxcIkR1cmF0aW9uUG9zaXRpb25cIjowLFwiUGVyY2VudGFnZUNvbXBsZXRlZFBvc2l0aW9uXCI6MCxcIlNwYWNpbmdcIjo1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2NSxcIkdcIjoxMzgsXCJCXCI6MTc5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ixcIlNoYXBlU2l6ZVwiOjEsXCJEZXRhaWxzU3BhY2luZ1wiOjAuMCxcIlBhZGRpbmdcIjp7XCIkaWRcIjpcIjIyN1wiLFwiVG9wXCI6NS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NjUsXCJHXCI6MTM4LFwiQlwiOjE3OX19LFwiSXNWaXNpYmxlXCI6dHJ1ZSxcIldpZHRoXCI6MTMuMCxcIkhlaWdodFwiOjEz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Y3LFwiR1wiOjE4NCxcIkJcIjozNn19LFwiSXNWaXNpYmxlXCI6dHJ1ZSxcIldpZHRoXCI6MC4wLFwiSGVpZ2h0XCI6MC4wLFwiQm9yZGVyU3R5bGVcIjp7XCIkaWRcIjpcIjI1OFwiLFwiTGluZVN0eWxlXCI6e1wiJGlkXCI6XCIyNTlcIixcIkxpbmVDb2xvclwiOntcIiRpZFwiOlwiMjYwXCIsXCJDb2xvclwiOntcIiRpZFwiOlwiMjYxXCIsXCJBXCI6MjU1LFwiUlwiOjI1NSxcIkdcIjoyNTUsXCJCXCI6MjU1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NjMsXCJSXCI6MTY3LFwiR1wiOjE4NCxcIkJcIjozNn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xNjcsXCJHXCI6MTg0LFwiQlwiOjM2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i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TY3LFwiR1wiOjE4NCxcIkJcIjozNn19LFwiSXNWaXNpYmxlXCI6dHJ1ZSxcIldpZHRoXCI6MTMuMCxcIkhlaWdodFwiOjEz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2LFwiU2hhcGVUaGlja25lc3NcIjox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MC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QsXCJEdXJhdGlvblBvc2l0aW9uXCI6MCxcIlBlcmNlbnRhZ2VDb21wbGV0ZWRQb3NpdGlvblwiOjAsXCJTcGFjaW5nXCI6NS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IsXCJTaGFwZVNpemVcIjoxLFwiRGV0YWlsc1NwYWNpbmdcIjowLjAsXCJQYWRkaW5nXCI6e1wiJGlkXCI6XCIzNDhcIixcIlRvcFwiOjU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2NyxcIkdcIjoxODQsXCJCXCI6MzZ9fSxcIklzVmlzaWJsZVwiOnRydWUsXCJXaWR0aFwiOjEzLjAsXCJIZWlnaHRcIjoxMy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I0NixcIkdcIjoxNDYsXCJCXCI6MH19LFwiSXNWaXNpYmxlXCI6dHJ1ZSxcIldpZHRoXCI6MC4wLFwiSGVpZ2h0XCI6MC4wLFwiQm9yZGVyU3R5bGVcIjp7XCIkaWRcIjpcIjM3OVwiLFwiTGluZVN0eWxlXCI6e1wiJGlkXCI6XCIzODBcIixcIkxpbmVDb2xvclwiOntcIiRpZFwiOlwiMzgxXCIsXCJDb2xvclwiOntcIiRpZFwiOlwiMzgyXCIsXCJBXCI6MjU1LFwiUlwiOjI1NSxcIkdcIjoyNTUsXCJCXCI6MjU1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jQ2LFwiR1wiOjE0NixcIkJcIjow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z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yNDYsXCJHXCI6MTQ2LFwiQlwiOjB9fSxcIklzVmlzaWJsZVwiOnRydW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Q2LFwiR1wiOjE0NixcIkJcIjow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MixcIlNoYXBlU2l6ZVwiOjE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Q2LFwiR1wiOjE0NixcIkJcIjowfX0sXCJJc1Zpc2libGVcIjp0cnVlLFwiV2lkdGhcIjoxMy4wLFwiSGVpZ2h0XCI6MTM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EsXCJTaGFwZVRoaWNrbmVzc1wiOjA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E5MixcIkdcIjo4MCxcIkJcIjo3N319LFwiSG9yaXpvbnRhbEFsaWdubWVudFwiOjAsXCJJc1Zpc2libGVcIjpmYWxzZX0sXCJQZXJjZW50YWdlQ29tcGxldGVIaWdobGlnaHRTdHlsZVwiOntcIiRpZFwiOlwiNDQxXCIsXCJCYWNrZ3JvdW5kXCI6e1wiJGlkXCI6XCI0NDJcIixcIkNvbG9yXCI6e1wiJGlkXCI6XCI0NDNcIixcIkFcIjow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MCxcIkVuZERhdGVQb3NpdGlvblwiOjAsXCJUaXRsZVBvc2l0aW9uXCI6NCxcIkR1cmF0aW9uUG9zaXRpb25cIjowLFwiUGVyY2VudGFnZUNvbXBsZXRlZFBvc2l0aW9uXCI6MCxcIlNwYWNpbmdcIjo1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NDYsXCJHXCI6MTQ2LFwiQlwiOjB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yLFwiU2hhcGVTaXplXCI6MSxcIkRldGFpbHNTcGFjaW5nXCI6MC4wLFwiUGFkZGluZ1wiOntcIiRpZFwiOlwiNDY5XCIsXCJUb3BcIjo1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yNDYsXCJHXCI6MTQ2LFwiQlwiOjB9fSxcIklzVmlzaWJsZVwiOnRydWUsXCJXaWR0aFwiOjEzLjAsXCJIZWlnaHRcIjoxMy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I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I5LFwiR1wiOjE2MyxcIkJcIjoxMzF9fSxcIklzVmlzaWJsZVwiOnRydWUsXCJXaWR0aFwiOjAuMCxcIkhlaWdodFwiOjAuMCxcIkJvcmRlclN0eWxlXCI6e1wiJGlkXCI6XCI1MjRcIixcIkxpbmVTdHlsZVwiOntcIiRpZFwiOlwiNTI1XCIsXCJMaW5lQ29sb3JcIjp7XCIkaWRcIjpcIjUyNlwiLFwiQ29sb3JcIjp7XCIkaWRcIjpcIjUyN1wiLFwiQVwiOjI1NSxcIlJcIjoyNTUsXCJHXCI6MCxcIkJcIjow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5MSxcIkdcIjoxNTUsXCJCXCI6MjEz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wLFwiR1wiOjAsXCJCXCI6MH19LFwiTGluZVdlaWdodFwiOjEuMCxcIkxpbmVUeXBlXCI6MH0sXCJFbmRBcnJvd2hlYWRMaW5lU3R5bGVcIjp7XCIkaWRcIjpcIjYyMlwiLFwiS2luZFwiOjEsXCJXaWR0aFwiOjEsXCJMZW5ndGhcIjowfSxcIkJyaW5nVG9Gcm9udFwiOnRydWUsXCJSYWRpdXNcIjowLjB9LFwiQ3JpdGljYWxQYXRoU3R5bGVcIjp7XCIkaWRcIjpcIjYyM1wiLFwiQ3JpdGljYWxQYXRoU3R5bGVPcHRpb25zXCI6MTU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jIsXCJHXCI6NTAsXCJCXCI6NTB9fSxcIkxpbmVXZWlnaHRcIjoyLjAsXCJMaW5lVHlwZVwiOjB9fSxcIlBhbmVsc1NwYWNpbmdEZWZpbml0aW9uXCI6e1wiJGlkXCI6XCI2MzRcIixcIlNwYWNpbmdBYm92ZVRpbWViYW5kXCI6NSxcIlNwYWNpbmdCZWxvd1RpbWViYW5kXCI6NSxcIlNwYWNpbmdBYm92ZUJldHdlZW5Td2ltbGFuZXNBbmRUYXNrc1wiOjUsXCJTcGFjaW5nQmVsb3dCZXR3ZWVuU3dpbWxhbmVzQW5kVGFza3NcIjo1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5"/>
  <p:tag name="OTLTIMEBANDSPACINGBELOW" val="5"/>
  <p:tag name="OTLTIMEBANDSPACINGABOVEFORSWLANDTASKS" val="5"/>
  <p:tag name="OTLTIMEBANDSPACINGBELOWFORSWLANDTASKS" val="5"/>
  <p:tag name="OTLLEFTENDCAPSMARGINLEFT" val="80.2410416666652"/>
  <p:tag name="OTLTIMEBANDAUTODATERANGE" val="False"/>
  <p:tag name="OTLTIMEBANDSTARTDATE" val="2024-06-03T00:05:00.0000000"/>
  <p:tag name="OTLTIMEBANDENDDATE" val="2025-06-01T23:59:00.000000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fine Objectives"/>
  <p:tag name="OTLDATE" val="2024-06-03T00:05:00.0000000"/>
  <p:tag name="OTLPOSITIONONTASK" val="None"/>
  <p:tag name="OTLRELATEDTASKID" val="00000000-0000-0000-0000-000000000000"/>
  <p:tag name="OTLDATEFORMATSTRING" val="M/d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easibility study complete"/>
  <p:tag name="OTLDATE" val="2024-08-05T00:18:00.0000000"/>
  <p:tag name="OTLPOSITIONONTASK" val="None"/>
  <p:tag name="OTLRELATEDTASKID" val="00000000-0000-0000-0000-000000000000"/>
  <p:tag name="OTLDATEFORMATSTRING" val="M/d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ilot project execution"/>
  <p:tag name="OTLDATE" val="2024-10-15T23:59:00.0000000"/>
  <p:tag name="OTLPOSITIONONTASK" val="None"/>
  <p:tag name="OTLRELATEDTASKID" val="00000000-0000-0000-0000-000000000000"/>
  <p:tag name="OTLDATEFORMATSTRING" val="M/d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eploy AI solution"/>
  <p:tag name="OTLDATE" val="2024-12-20T23:59:00.0000000"/>
  <p:tag name="OTLPOSITIONONTASK" val="None"/>
  <p:tag name="OTLRELATEDTASKID" val="00000000-0000-0000-0000-000000000000"/>
  <p:tag name="OTLDATEFORMATSTRING" val="M/d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nduct post-implementation review"/>
  <p:tag name="OTLDATE" val="2025-01-21T23:59:00.0000000"/>
  <p:tag name="OTLPOSITIONONTASK" val="None"/>
  <p:tag name="OTLRELATEDTASKID" val="00000000-0000-0000-0000-000000000000"/>
  <p:tag name="OTLDATEFORMATSTRING" val="M/d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andover to IT"/>
  <p:tag name="OTLDATE" val="2025-05-04T23:59:00.0000000"/>
  <p:tag name="OTLPOSITIONONTASK" val="None"/>
  <p:tag name="OTLRELATEDTASKID" val="00000000-0000-0000-0000-000000000000"/>
  <p:tag name="OTLDATEFORMATSTRING" val="M/d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5"/>
  <p:tag name="OTLTIMEBANDSPACINGBELOW" val="5"/>
  <p:tag name="OTLTIMEBANDSPACINGABOVEFORSWLANDTASKS" val="5"/>
  <p:tag name="OTLTIMEBANDSPACINGBELOWFORSWLANDTASKS" val="5"/>
  <p:tag name="OTLLEFTENDCAPSMARGINLEFT" val="80.2410416666652"/>
  <p:tag name="OTLTIMEBANDAUTODATERANGE" val="False"/>
  <p:tag name="OTLTIMEBANDSTARTDATE" val="2024-06-03T00:05:00.0000000"/>
  <p:tag name="OTLTIMEBANDENDDATE" val="2025-06-01T23:59:00.0000000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4-06-03T00:05:00.0000000"/>
  <p:tag name="OTLTIMEBANDENDDATE" val="2025-06-01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80.2410416666652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5"/>
  <p:tag name="OTLTIMEBANDSPACINGBELOW" val="5"/>
  <p:tag name="OTLTIMEBANDSPACINGABOVEFORSWLANDTASKS" val="5"/>
  <p:tag name="OTLTIMEBANDSPACINGBELOWFORSWLANDTASKS" val="5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6-09T00:00:00.0000000"/>
  <p:tag name="OTLENDDATE" val="2024-06-18T23:59:00.0000000"/>
  <p:tag name="OTLDURATIONFORMAT" val="day"/>
  <p:tag name="OTLSPACING" val="5"/>
  <p:tag name="OTLSHAPETHICKNESSTYPE" val="Thi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04T00:00:00.0000000"/>
  <p:tag name="OTLENDDATE" val="2024-08-29T23:59:00.0000000"/>
  <p:tag name="OTLDURATIONFORMAT" val="day"/>
  <p:tag name="OTLSPACING" val="5"/>
  <p:tag name="OTLSHAPETHICKNESSTYPE" val="Thi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7-10T00:00:00.0000000"/>
  <p:tag name="OTLENDDATE" val="2024-08-04T23:59:00.0000000"/>
  <p:tag name="OTLDURATIONFORMAT" val="day"/>
  <p:tag name="OTLSPACING" val="5"/>
  <p:tag name="OTLSHAPETHICKNESSTYPE" val="Thi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9-12T00:00:00.0000000"/>
  <p:tag name="OTLENDDATE" val="2024-10-07T23:59:00.0000000"/>
  <p:tag name="OTLDURATIONFORMAT" val="day"/>
  <p:tag name="OTLSPACING" val="5"/>
  <p:tag name="OTLSHAPETHI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09T00:00:00.0000000"/>
  <p:tag name="OTLENDDATE" val="2024-09-05T23:59:00.0000000"/>
  <p:tag name="OTLDURATIONFORMAT" val="day"/>
  <p:tag name="OTLSPACING" val="5"/>
  <p:tag name="OTLSHAPETHICKNESSTYPE" val="Regular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0-15T00:00:00.0000000"/>
  <p:tag name="OTLENDDATE" val="2024-11-08T23:59:00.0000000"/>
  <p:tag name="OTLDURATIONFORMAT" val="day"/>
  <p:tag name="OTLSPACING" val="5"/>
  <p:tag name="OTLSHAPETHICKNESSTYPE" val="Regular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08T00:00:00.0000000"/>
  <p:tag name="OTLENDDATE" val="2024-11-28T23:59:00.0000000"/>
  <p:tag name="OTLDURATIONFORMAT" val="day"/>
  <p:tag name="OTLSPACING" val="5"/>
  <p:tag name="OTLSHAPETHICKNESSTYPE" val="Regular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28T00:00:00.0000000"/>
  <p:tag name="OTLENDDATE" val="2024-10-05T23:59:00.0000000"/>
  <p:tag name="OTLDURATIONFORMAT" val="day"/>
  <p:tag name="OTLSPACING" val="5"/>
  <p:tag name="OTLSHAPETHICKNESSTYPE" val="Regula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29T00:00:00.0000000"/>
  <p:tag name="OTLENDDATE" val="2024-12-19T23:59:00.0000000"/>
  <p:tag name="OTLDURATIONFORMAT" val="day"/>
  <p:tag name="OTLSPACING" val="5"/>
  <p:tag name="OTLSHAPETHICKNESSTYPE" val="Regular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4-08-12T00:00:00.0000000"/>
  <p:tag name="OTLENDDATE" val="2024-09-27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21T00:00:00.0000000"/>
  <p:tag name="OTLENDDATE" val="2025-01-18T23:59:00.0000000"/>
  <p:tag name="OTLDURATIONFORMAT" val="day"/>
  <p:tag name="OTLSPACING" val="5"/>
  <p:tag name="OTLSHAPETHICKNESSTYPE" val="Thin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2-24T00:00:00.0000000"/>
  <p:tag name="OTLENDDATE" val="2025-01-20T23:59:00.0000000"/>
  <p:tag name="OTLDURATIONFORMAT" val="day"/>
  <p:tag name="OTLSPACING" val="5"/>
  <p:tag name="OTLSHAPETHICKNESSTYPE" val="Thin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1-21T00:00:00.0000000"/>
  <p:tag name="OTLENDDATE" val="2025-02-17T23:59:00.0000000"/>
  <p:tag name="OTLDURATIONFORMAT" val="day"/>
  <p:tag name="OTLSPACING" val="5"/>
  <p:tag name="OTLSHAPETHICKNESSTYPE" val="Thin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26T00:00:00.0000000"/>
  <p:tag name="OTLENDDATE" val="2025-03-25T23:59:00.0000000"/>
  <p:tag name="OTLDURATIONFORMAT" val="day"/>
  <p:tag name="OTLSPACING" val="5"/>
  <p:tag name="OTLSHAPETHICKNESSTYPE" val="Thin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06T00:00:00.0000000"/>
  <p:tag name="OTLENDDATE" val="2025-05-03T23:59:00.0000000"/>
  <p:tag name="OTLDURATIONFORMAT" val="day"/>
  <p:tag name="OTLSPACING" val="5"/>
  <p:tag name="OTLSHAPETHICKNESSTYPE" val="Thin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4</Words>
  <Application>Microsoft Office PowerPoint</Application>
  <PresentationFormat>Widescreen</PresentationFormat>
  <Paragraphs>88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ptos</vt:lpstr>
      <vt:lpstr>Aptos Display</vt:lpstr>
      <vt:lpstr>Arial</vt:lpstr>
      <vt:lpstr>Calibri</vt:lpstr>
      <vt:lpstr>Segoe UI</vt:lpstr>
      <vt:lpstr>Segoe UI Black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6-07T14:54:34Z</dcterms:created>
  <dcterms:modified xsi:type="dcterms:W3CDTF">2024-10-22T13:08:21Z</dcterms:modified>
</cp:coreProperties>
</file>